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0522\03_事業者脱炭素Ｇ\01_大企業等の支援\03_CO2排出量管理システム改修補助金\01_要綱（CO2排出量管理システム改修補助金）\03_手引等\20241119_手引き別紙修正\"/>
    </mc:Choice>
  </mc:AlternateContent>
  <bookViews>
    <workbookView xWindow="0" yWindow="0" windowWidth="19200" windowHeight="9405"/>
  </bookViews>
  <sheets>
    <sheet name="更新履歴" sheetId="8" r:id="rId1"/>
    <sheet name="出力様式" sheetId="7" r:id="rId2"/>
    <sheet name="要求仕様" sheetId="1" r:id="rId3"/>
  </sheets>
  <definedNames>
    <definedName name="_xlnm.Print_Area" localSheetId="1">出力様式!$A$1:$O$169</definedName>
  </definedNames>
  <calcPr calcId="162913"/>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田澤</author>
  </authors>
  <commentList>
    <comment ref="A1" authorId="0" shapeId="0">
      <text>
        <r>
          <rPr>
            <b/>
            <sz val="9"/>
            <color indexed="81"/>
            <rFont val="MS P ゴシック"/>
            <family val="3"/>
            <charset val="128"/>
          </rPr>
          <t>データの抽出年度を入力
※4月１日から翌３月31日までのデータを集計すること</t>
        </r>
      </text>
    </comment>
    <comment ref="J2" authorId="0" shapeId="0">
      <text>
        <r>
          <rPr>
            <b/>
            <sz val="9"/>
            <color indexed="81"/>
            <rFont val="MS P ゴシック"/>
            <family val="3"/>
            <charset val="128"/>
          </rPr>
          <t>生産数量又は建物延床面積、その他の温室効果ガス排出量と密接な関係を持つ値</t>
        </r>
      </text>
    </comment>
    <comment ref="A4" authorId="0" shapeId="0">
      <text>
        <r>
          <rPr>
            <b/>
            <sz val="9"/>
            <color indexed="81"/>
            <rFont val="MS P ゴシック"/>
            <family val="3"/>
            <charset val="128"/>
          </rPr>
          <t>都道府県から記載</t>
        </r>
      </text>
    </comment>
    <comment ref="J5" authorId="0" shapeId="0">
      <text>
        <r>
          <rPr>
            <b/>
            <sz val="9"/>
            <color indexed="81"/>
            <rFont val="MS P ゴシック"/>
            <family val="3"/>
            <charset val="128"/>
          </rPr>
          <t>集計用フラグのため「エネルギー管理指定工場等＋半角数字」の記載形態は維持</t>
        </r>
      </text>
    </comment>
    <comment ref="N5" authorId="0" shapeId="0">
      <text>
        <r>
          <rPr>
            <b/>
            <sz val="9"/>
            <color indexed="81"/>
            <rFont val="MS P ゴシック"/>
            <family val="3"/>
            <charset val="128"/>
          </rPr>
          <t>集計用フラグのため「エネルギー管理指定工場等＋半角数字」の記載形態は維持</t>
        </r>
      </text>
    </comment>
    <comment ref="R5" authorId="0" shapeId="0">
      <text>
        <r>
          <rPr>
            <b/>
            <sz val="9"/>
            <color indexed="81"/>
            <rFont val="MS P ゴシック"/>
            <family val="3"/>
            <charset val="128"/>
          </rPr>
          <t>集計用フラグのため「県域＋半角数字」の記載形態は維持</t>
        </r>
      </text>
    </comment>
    <comment ref="T5" authorId="0" shapeId="0">
      <text>
        <r>
          <rPr>
            <b/>
            <sz val="9"/>
            <color indexed="81"/>
            <rFont val="MS P ゴシック"/>
            <family val="3"/>
            <charset val="128"/>
          </rPr>
          <t>一つずつ事業所・拠点を入力する場合は１、複数集約する場合は、集約した数を記入。</t>
        </r>
      </text>
    </comment>
    <comment ref="V5" authorId="0" shapeId="0">
      <text>
        <r>
          <rPr>
            <b/>
            <sz val="9"/>
            <color indexed="81"/>
            <rFont val="MS P ゴシック"/>
            <family val="3"/>
            <charset val="128"/>
          </rPr>
          <t>集計用フラグのため「県域＋半角数字」の記載形態は維持</t>
        </r>
      </text>
    </comment>
    <comment ref="X5" authorId="0" shapeId="0">
      <text>
        <r>
          <rPr>
            <b/>
            <sz val="9"/>
            <color indexed="81"/>
            <rFont val="MS P ゴシック"/>
            <family val="3"/>
            <charset val="128"/>
          </rPr>
          <t>一つずつ事業所・拠点を入力する場合は１、複数集約する場合は、集約した数を記入。</t>
        </r>
      </text>
    </comment>
    <comment ref="Z5" authorId="0" shapeId="0">
      <text>
        <r>
          <rPr>
            <b/>
            <sz val="9"/>
            <color indexed="81"/>
            <rFont val="MS P ゴシック"/>
            <family val="3"/>
            <charset val="128"/>
          </rPr>
          <t>集計用フラグのため「横浜＋半角数字」の記載形態は維持</t>
        </r>
      </text>
    </comment>
    <comment ref="AB5" authorId="0" shapeId="0">
      <text>
        <r>
          <rPr>
            <b/>
            <sz val="9"/>
            <color indexed="81"/>
            <rFont val="MS P ゴシック"/>
            <family val="3"/>
            <charset val="128"/>
          </rPr>
          <t>一つずつ事業所・拠点を入力する場合は１、複数集約する場合は、集約した数を記入。</t>
        </r>
      </text>
    </comment>
    <comment ref="AD5" authorId="0" shapeId="0">
      <text>
        <r>
          <rPr>
            <b/>
            <sz val="9"/>
            <color indexed="81"/>
            <rFont val="MS P ゴシック"/>
            <family val="3"/>
            <charset val="128"/>
          </rPr>
          <t>集計用フラグのため「横浜＋半角数字」の記載形態は維持</t>
        </r>
      </text>
    </comment>
    <comment ref="AF5" authorId="0" shapeId="0">
      <text>
        <r>
          <rPr>
            <b/>
            <sz val="9"/>
            <color indexed="81"/>
            <rFont val="MS P ゴシック"/>
            <family val="3"/>
            <charset val="128"/>
          </rPr>
          <t>一つずつ事業所・拠点を入力する場合は１、複数集約する場合は、集約した数を記入。</t>
        </r>
      </text>
    </comment>
    <comment ref="AJ5" authorId="0" shapeId="0">
      <text>
        <r>
          <rPr>
            <b/>
            <sz val="9"/>
            <color indexed="81"/>
            <rFont val="MS P ゴシック"/>
            <family val="3"/>
            <charset val="128"/>
          </rPr>
          <t>一つずつ事業所・拠点を入力する場合は１、複数集約する場合は、集約した数を記入。</t>
        </r>
      </text>
    </comment>
    <comment ref="AN5" authorId="0" shapeId="0">
      <text>
        <r>
          <rPr>
            <b/>
            <sz val="9"/>
            <color indexed="81"/>
            <rFont val="MS P ゴシック"/>
            <family val="3"/>
            <charset val="128"/>
          </rPr>
          <t>一つずつ事業所・拠点を入力する場合は１、複数集約する場合は、集約した数を記入。</t>
        </r>
      </text>
    </comment>
    <comment ref="J7" authorId="0" shapeId="0">
      <text>
        <r>
          <rPr>
            <b/>
            <sz val="9"/>
            <color indexed="81"/>
            <rFont val="MS P ゴシック"/>
            <family val="3"/>
            <charset val="128"/>
          </rPr>
          <t>市町村から記載（「神奈川県」の記入は不要。〇〇市、△△町～記載）</t>
        </r>
      </text>
    </comment>
    <comment ref="N7" authorId="0" shapeId="0">
      <text>
        <r>
          <rPr>
            <b/>
            <sz val="9"/>
            <color indexed="81"/>
            <rFont val="MS P ゴシック"/>
            <family val="3"/>
            <charset val="128"/>
          </rPr>
          <t>市町村から記載（「神奈川県」の記入は不要。〇〇市、△△町～記載）</t>
        </r>
      </text>
    </comment>
    <comment ref="R7" authorId="0" shapeId="0">
      <text>
        <r>
          <rPr>
            <b/>
            <sz val="9"/>
            <color indexed="81"/>
            <rFont val="MS P ゴシック"/>
            <family val="3"/>
            <charset val="128"/>
          </rPr>
          <t>市町村のみで可（所在地をすべて記載する場合は「神奈川県」の記入は不要。〇〇市、△△町～記載）</t>
        </r>
      </text>
    </comment>
    <comment ref="V7" authorId="0" shapeId="0">
      <text>
        <r>
          <rPr>
            <b/>
            <sz val="9"/>
            <color indexed="81"/>
            <rFont val="MS P ゴシック"/>
            <family val="3"/>
            <charset val="128"/>
          </rPr>
          <t>市町村のみで可（所在地をすべて記載する場合は「神奈川県」の記入は不要。〇〇市、△△町～記載）</t>
        </r>
      </text>
    </comment>
    <comment ref="Z7" authorId="0" shapeId="0">
      <text>
        <r>
          <rPr>
            <b/>
            <sz val="9"/>
            <color indexed="81"/>
            <rFont val="MS P ゴシック"/>
            <family val="3"/>
            <charset val="128"/>
          </rPr>
          <t>横浜市から記載（「神奈川県」の記入は不要。）</t>
        </r>
      </text>
    </comment>
    <comment ref="AD7" authorId="0" shapeId="0">
      <text>
        <r>
          <rPr>
            <b/>
            <sz val="9"/>
            <color indexed="81"/>
            <rFont val="MS P ゴシック"/>
            <family val="3"/>
            <charset val="128"/>
          </rPr>
          <t>横浜市から記載（「神奈川県」の記入は不要。）</t>
        </r>
      </text>
    </comment>
    <comment ref="AH7" authorId="0" shapeId="0">
      <text>
        <r>
          <rPr>
            <b/>
            <sz val="9"/>
            <color indexed="81"/>
            <rFont val="MS P ゴシック"/>
            <family val="3"/>
            <charset val="128"/>
          </rPr>
          <t>川崎市から記載（「神奈川県」の記入は不要。）</t>
        </r>
      </text>
    </comment>
    <comment ref="AL7" authorId="0" shapeId="0">
      <text>
        <r>
          <rPr>
            <b/>
            <sz val="9"/>
            <color indexed="81"/>
            <rFont val="MS P ゴシック"/>
            <family val="3"/>
            <charset val="128"/>
          </rPr>
          <t>川崎市から記載（「神奈川県」の記入は不要。）</t>
        </r>
      </text>
    </comment>
    <comment ref="K8" authorId="0" shapeId="0">
      <text>
        <r>
          <rPr>
            <b/>
            <sz val="9"/>
            <color indexed="81"/>
            <rFont val="MS P ゴシック"/>
            <family val="3"/>
            <charset val="128"/>
          </rPr>
          <t>他者に供給する
熱・電気を発生さ
せるために使用し
た燃料の使用量</t>
        </r>
      </text>
    </comment>
    <comment ref="L8" authorId="0" shapeId="0">
      <text>
        <r>
          <rPr>
            <b/>
            <sz val="9"/>
            <color indexed="81"/>
            <rFont val="MS P ゴシック"/>
            <family val="3"/>
            <charset val="128"/>
          </rPr>
          <t>販売した副生エネルギー</t>
        </r>
      </text>
    </comment>
    <comment ref="M8" authorId="0" shapeId="0">
      <text>
        <r>
          <rPr>
            <b/>
            <sz val="9"/>
            <color indexed="81"/>
            <rFont val="MS P ゴシック"/>
            <family val="3"/>
            <charset val="128"/>
          </rPr>
          <t>購入した未利用熱の量</t>
        </r>
      </text>
    </comment>
    <comment ref="O8" authorId="0" shapeId="0">
      <text>
        <r>
          <rPr>
            <b/>
            <sz val="9"/>
            <color indexed="81"/>
            <rFont val="MS P ゴシック"/>
            <family val="3"/>
            <charset val="128"/>
          </rPr>
          <t>他者に供給する
熱・電気を発生さ
せるために使用し
た燃料の使用量</t>
        </r>
      </text>
    </comment>
    <comment ref="P8" authorId="0" shapeId="0">
      <text>
        <r>
          <rPr>
            <b/>
            <sz val="9"/>
            <color indexed="81"/>
            <rFont val="MS P ゴシック"/>
            <family val="3"/>
            <charset val="128"/>
          </rPr>
          <t>販売した副生エネルギー</t>
        </r>
      </text>
    </comment>
    <comment ref="Q8" authorId="0" shapeId="0">
      <text>
        <r>
          <rPr>
            <b/>
            <sz val="9"/>
            <color indexed="81"/>
            <rFont val="MS P ゴシック"/>
            <family val="3"/>
            <charset val="128"/>
          </rPr>
          <t>購入した未利用熱の量</t>
        </r>
      </text>
    </comment>
    <comment ref="S8" authorId="0" shapeId="0">
      <text>
        <r>
          <rPr>
            <b/>
            <sz val="9"/>
            <color indexed="81"/>
            <rFont val="MS P ゴシック"/>
            <family val="3"/>
            <charset val="128"/>
          </rPr>
          <t>他者に供給する
熱・電気を発生さ
せるために使用し
た燃料の使用量</t>
        </r>
      </text>
    </comment>
    <comment ref="T8" authorId="0" shapeId="0">
      <text>
        <r>
          <rPr>
            <b/>
            <sz val="9"/>
            <color indexed="81"/>
            <rFont val="MS P ゴシック"/>
            <family val="3"/>
            <charset val="128"/>
          </rPr>
          <t>販売した副生エネルギー</t>
        </r>
      </text>
    </comment>
    <comment ref="U8" authorId="0" shapeId="0">
      <text>
        <r>
          <rPr>
            <b/>
            <sz val="9"/>
            <color indexed="81"/>
            <rFont val="MS P ゴシック"/>
            <family val="3"/>
            <charset val="128"/>
          </rPr>
          <t>購入した未利用熱の量</t>
        </r>
      </text>
    </comment>
    <comment ref="W8" authorId="0" shapeId="0">
      <text>
        <r>
          <rPr>
            <b/>
            <sz val="9"/>
            <color indexed="81"/>
            <rFont val="MS P ゴシック"/>
            <family val="3"/>
            <charset val="128"/>
          </rPr>
          <t>他者に供給する
熱・電気を発生さ
せるために使用し
た燃料の使用量</t>
        </r>
      </text>
    </comment>
    <comment ref="X8" authorId="0" shapeId="0">
      <text>
        <r>
          <rPr>
            <b/>
            <sz val="9"/>
            <color indexed="81"/>
            <rFont val="MS P ゴシック"/>
            <family val="3"/>
            <charset val="128"/>
          </rPr>
          <t>販売した副生エネルギー</t>
        </r>
      </text>
    </comment>
    <comment ref="Y8" authorId="0" shapeId="0">
      <text>
        <r>
          <rPr>
            <b/>
            <sz val="9"/>
            <color indexed="81"/>
            <rFont val="MS P ゴシック"/>
            <family val="3"/>
            <charset val="128"/>
          </rPr>
          <t>購入した未利用熱の量</t>
        </r>
      </text>
    </comment>
    <comment ref="AA8" authorId="0" shapeId="0">
      <text>
        <r>
          <rPr>
            <b/>
            <sz val="9"/>
            <color indexed="81"/>
            <rFont val="MS P ゴシック"/>
            <family val="3"/>
            <charset val="128"/>
          </rPr>
          <t>他者に供給する
熱・電気を発生さ
せるために使用し
た燃料の使用量</t>
        </r>
      </text>
    </comment>
    <comment ref="AB8" authorId="0" shapeId="0">
      <text>
        <r>
          <rPr>
            <b/>
            <sz val="9"/>
            <color indexed="81"/>
            <rFont val="MS P ゴシック"/>
            <family val="3"/>
            <charset val="128"/>
          </rPr>
          <t>販売した副生エネルギー</t>
        </r>
      </text>
    </comment>
    <comment ref="AC8" authorId="0" shapeId="0">
      <text>
        <r>
          <rPr>
            <b/>
            <sz val="9"/>
            <color indexed="81"/>
            <rFont val="MS P ゴシック"/>
            <family val="3"/>
            <charset val="128"/>
          </rPr>
          <t>購入した未利用熱の量</t>
        </r>
      </text>
    </comment>
    <comment ref="AE8" authorId="0" shapeId="0">
      <text>
        <r>
          <rPr>
            <b/>
            <sz val="9"/>
            <color indexed="81"/>
            <rFont val="MS P ゴシック"/>
            <family val="3"/>
            <charset val="128"/>
          </rPr>
          <t>他者に供給する
熱・電気を発生さ
せるために使用し
た燃料の使用量</t>
        </r>
      </text>
    </comment>
    <comment ref="AF8" authorId="0" shapeId="0">
      <text>
        <r>
          <rPr>
            <b/>
            <sz val="9"/>
            <color indexed="81"/>
            <rFont val="MS P ゴシック"/>
            <family val="3"/>
            <charset val="128"/>
          </rPr>
          <t>販売した副生エネルギー</t>
        </r>
      </text>
    </comment>
    <comment ref="AG8" authorId="0" shapeId="0">
      <text>
        <r>
          <rPr>
            <b/>
            <sz val="9"/>
            <color indexed="81"/>
            <rFont val="MS P ゴシック"/>
            <family val="3"/>
            <charset val="128"/>
          </rPr>
          <t>購入した未利用熱の量</t>
        </r>
      </text>
    </comment>
    <comment ref="AI8" authorId="0" shapeId="0">
      <text>
        <r>
          <rPr>
            <b/>
            <sz val="9"/>
            <color indexed="81"/>
            <rFont val="MS P ゴシック"/>
            <family val="3"/>
            <charset val="128"/>
          </rPr>
          <t>他者に供給する
熱・電気を発生さ
せるために使用し
た燃料の使用量</t>
        </r>
      </text>
    </comment>
    <comment ref="AJ8" authorId="0" shapeId="0">
      <text>
        <r>
          <rPr>
            <b/>
            <sz val="9"/>
            <color indexed="81"/>
            <rFont val="MS P ゴシック"/>
            <family val="3"/>
            <charset val="128"/>
          </rPr>
          <t>販売した副生エネルギー</t>
        </r>
      </text>
    </comment>
    <comment ref="AK8" authorId="0" shapeId="0">
      <text>
        <r>
          <rPr>
            <b/>
            <sz val="9"/>
            <color indexed="81"/>
            <rFont val="MS P ゴシック"/>
            <family val="3"/>
            <charset val="128"/>
          </rPr>
          <t>購入した未利用熱の量</t>
        </r>
      </text>
    </comment>
    <comment ref="AM8" authorId="0" shapeId="0">
      <text>
        <r>
          <rPr>
            <b/>
            <sz val="9"/>
            <color indexed="81"/>
            <rFont val="MS P ゴシック"/>
            <family val="3"/>
            <charset val="128"/>
          </rPr>
          <t>他者に供給する
熱・電気を発生さ
せるために使用し
た燃料の使用量</t>
        </r>
      </text>
    </comment>
    <comment ref="AN8" authorId="0" shapeId="0">
      <text>
        <r>
          <rPr>
            <b/>
            <sz val="9"/>
            <color indexed="81"/>
            <rFont val="MS P ゴシック"/>
            <family val="3"/>
            <charset val="128"/>
          </rPr>
          <t>販売した副生エネルギー</t>
        </r>
      </text>
    </comment>
    <comment ref="AO8" authorId="0" shapeId="0">
      <text>
        <r>
          <rPr>
            <b/>
            <sz val="9"/>
            <color indexed="81"/>
            <rFont val="MS P ゴシック"/>
            <family val="3"/>
            <charset val="128"/>
          </rPr>
          <t>購入した未利用熱の量</t>
        </r>
      </text>
    </comment>
    <comment ref="D44" authorId="0" shapeId="0">
      <text>
        <r>
          <rPr>
            <sz val="9"/>
            <color indexed="81"/>
            <rFont val="MS P ゴシック"/>
            <family val="3"/>
            <charset val="128"/>
          </rPr>
          <t>具体的な内容を記入（任意）</t>
        </r>
      </text>
    </comment>
    <comment ref="D78" authorId="0" shapeId="0">
      <text>
        <r>
          <rPr>
            <sz val="9"/>
            <color indexed="81"/>
            <rFont val="MS P ゴシック"/>
            <family val="3"/>
            <charset val="128"/>
          </rPr>
          <t>具体的な内容を記入（任意）</t>
        </r>
      </text>
    </comment>
    <comment ref="D96" authorId="0" shapeId="0">
      <text>
        <r>
          <rPr>
            <sz val="9"/>
            <color indexed="81"/>
            <rFont val="MS P ゴシック"/>
            <family val="3"/>
            <charset val="128"/>
          </rPr>
          <t>具体的な内容を記入（任意）</t>
        </r>
      </text>
    </comment>
    <comment ref="D97" authorId="0" shapeId="0">
      <text>
        <r>
          <rPr>
            <sz val="9"/>
            <color indexed="81"/>
            <rFont val="MS P ゴシック"/>
            <family val="3"/>
            <charset val="128"/>
          </rPr>
          <t>具体的な内容を記入（任意）</t>
        </r>
      </text>
    </comment>
    <comment ref="D98" authorId="0" shapeId="0">
      <text>
        <r>
          <rPr>
            <sz val="9"/>
            <color indexed="81"/>
            <rFont val="MS P ゴシック"/>
            <family val="3"/>
            <charset val="128"/>
          </rPr>
          <t>具体的な内容を記入（任意）</t>
        </r>
      </text>
    </comment>
    <comment ref="D99" authorId="0" shapeId="0">
      <text>
        <r>
          <rPr>
            <sz val="9"/>
            <color indexed="81"/>
            <rFont val="MS P ゴシック"/>
            <family val="3"/>
            <charset val="128"/>
          </rPr>
          <t>具体的な内容を記入（任意）</t>
        </r>
      </text>
    </comment>
    <comment ref="G103" authorId="0" shapeId="0">
      <text>
        <r>
          <rPr>
            <b/>
            <sz val="9"/>
            <color indexed="81"/>
            <rFont val="MS P ゴシック"/>
            <family val="3"/>
            <charset val="128"/>
          </rPr>
          <t xml:space="preserve">GJ/千N㎥
</t>
        </r>
      </text>
    </comment>
    <comment ref="K103" authorId="0" shapeId="0">
      <text>
        <r>
          <rPr>
            <b/>
            <sz val="9"/>
            <color indexed="81"/>
            <rFont val="MS P ゴシック"/>
            <family val="3"/>
            <charset val="128"/>
          </rPr>
          <t>他者に供給する
熱・電気を発生さ
せるために使用し
た燃料の使用量</t>
        </r>
      </text>
    </comment>
    <comment ref="L103" authorId="0" shapeId="0">
      <text>
        <r>
          <rPr>
            <b/>
            <sz val="9"/>
            <color indexed="81"/>
            <rFont val="MS P ゴシック"/>
            <family val="3"/>
            <charset val="128"/>
          </rPr>
          <t>販売した副生エネルギー</t>
        </r>
      </text>
    </comment>
    <comment ref="M103" authorId="0" shapeId="0">
      <text>
        <r>
          <rPr>
            <b/>
            <sz val="9"/>
            <color indexed="81"/>
            <rFont val="MS P ゴシック"/>
            <family val="3"/>
            <charset val="128"/>
          </rPr>
          <t>購入した未利用熱の量</t>
        </r>
      </text>
    </comment>
    <comment ref="O103" authorId="0" shapeId="0">
      <text>
        <r>
          <rPr>
            <b/>
            <sz val="9"/>
            <color indexed="81"/>
            <rFont val="MS P ゴシック"/>
            <family val="3"/>
            <charset val="128"/>
          </rPr>
          <t>他者に供給する
熱・電気を発生さ
せるために使用し
た燃料の使用量</t>
        </r>
      </text>
    </comment>
    <comment ref="P103" authorId="0" shapeId="0">
      <text>
        <r>
          <rPr>
            <b/>
            <sz val="9"/>
            <color indexed="81"/>
            <rFont val="MS P ゴシック"/>
            <family val="3"/>
            <charset val="128"/>
          </rPr>
          <t>販売した副生エネルギー</t>
        </r>
      </text>
    </comment>
    <comment ref="Q103" authorId="0" shapeId="0">
      <text>
        <r>
          <rPr>
            <b/>
            <sz val="9"/>
            <color indexed="81"/>
            <rFont val="MS P ゴシック"/>
            <family val="3"/>
            <charset val="128"/>
          </rPr>
          <t>購入した未利用熱の量</t>
        </r>
      </text>
    </comment>
    <comment ref="S103" authorId="0" shapeId="0">
      <text>
        <r>
          <rPr>
            <b/>
            <sz val="9"/>
            <color indexed="81"/>
            <rFont val="MS P ゴシック"/>
            <family val="3"/>
            <charset val="128"/>
          </rPr>
          <t>他者に供給する
熱・電気を発生さ
せるために使用し
た燃料の使用量</t>
        </r>
      </text>
    </comment>
    <comment ref="T103" authorId="0" shapeId="0">
      <text>
        <r>
          <rPr>
            <b/>
            <sz val="9"/>
            <color indexed="81"/>
            <rFont val="MS P ゴシック"/>
            <family val="3"/>
            <charset val="128"/>
          </rPr>
          <t>販売した副生エネルギー</t>
        </r>
      </text>
    </comment>
    <comment ref="U103" authorId="0" shapeId="0">
      <text>
        <r>
          <rPr>
            <b/>
            <sz val="9"/>
            <color indexed="81"/>
            <rFont val="MS P ゴシック"/>
            <family val="3"/>
            <charset val="128"/>
          </rPr>
          <t>購入した未利用熱の量</t>
        </r>
      </text>
    </comment>
    <comment ref="W103" authorId="0" shapeId="0">
      <text>
        <r>
          <rPr>
            <b/>
            <sz val="9"/>
            <color indexed="81"/>
            <rFont val="MS P ゴシック"/>
            <family val="3"/>
            <charset val="128"/>
          </rPr>
          <t>他者に供給する
熱・電気を発生さ
せるために使用し
た燃料の使用量</t>
        </r>
      </text>
    </comment>
    <comment ref="X103" authorId="0" shapeId="0">
      <text>
        <r>
          <rPr>
            <b/>
            <sz val="9"/>
            <color indexed="81"/>
            <rFont val="MS P ゴシック"/>
            <family val="3"/>
            <charset val="128"/>
          </rPr>
          <t>販売した副生エネルギー</t>
        </r>
      </text>
    </comment>
    <comment ref="Y103" authorId="0" shapeId="0">
      <text>
        <r>
          <rPr>
            <b/>
            <sz val="9"/>
            <color indexed="81"/>
            <rFont val="MS P ゴシック"/>
            <family val="3"/>
            <charset val="128"/>
          </rPr>
          <t>購入した未利用熱の量</t>
        </r>
      </text>
    </comment>
    <comment ref="AA103" authorId="0" shapeId="0">
      <text>
        <r>
          <rPr>
            <b/>
            <sz val="9"/>
            <color indexed="81"/>
            <rFont val="MS P ゴシック"/>
            <family val="3"/>
            <charset val="128"/>
          </rPr>
          <t>他者に供給する
熱・電気を発生さ
せるために使用し
た燃料の使用量</t>
        </r>
      </text>
    </comment>
    <comment ref="AB103" authorId="0" shapeId="0">
      <text>
        <r>
          <rPr>
            <b/>
            <sz val="9"/>
            <color indexed="81"/>
            <rFont val="MS P ゴシック"/>
            <family val="3"/>
            <charset val="128"/>
          </rPr>
          <t>販売した副生エネルギー</t>
        </r>
      </text>
    </comment>
    <comment ref="AC103" authorId="0" shapeId="0">
      <text>
        <r>
          <rPr>
            <b/>
            <sz val="9"/>
            <color indexed="81"/>
            <rFont val="MS P ゴシック"/>
            <family val="3"/>
            <charset val="128"/>
          </rPr>
          <t>購入した未利用熱の量</t>
        </r>
      </text>
    </comment>
    <comment ref="AE103" authorId="0" shapeId="0">
      <text>
        <r>
          <rPr>
            <b/>
            <sz val="9"/>
            <color indexed="81"/>
            <rFont val="MS P ゴシック"/>
            <family val="3"/>
            <charset val="128"/>
          </rPr>
          <t>他者に供給する
熱・電気を発生さ
せるために使用し
た燃料の使用量</t>
        </r>
      </text>
    </comment>
    <comment ref="AF103" authorId="0" shapeId="0">
      <text>
        <r>
          <rPr>
            <b/>
            <sz val="9"/>
            <color indexed="81"/>
            <rFont val="MS P ゴシック"/>
            <family val="3"/>
            <charset val="128"/>
          </rPr>
          <t>販売した副生エネルギー</t>
        </r>
      </text>
    </comment>
    <comment ref="AG103" authorId="0" shapeId="0">
      <text>
        <r>
          <rPr>
            <b/>
            <sz val="9"/>
            <color indexed="81"/>
            <rFont val="MS P ゴシック"/>
            <family val="3"/>
            <charset val="128"/>
          </rPr>
          <t>購入した未利用熱の量</t>
        </r>
      </text>
    </comment>
    <comment ref="AI103" authorId="0" shapeId="0">
      <text>
        <r>
          <rPr>
            <b/>
            <sz val="9"/>
            <color indexed="81"/>
            <rFont val="MS P ゴシック"/>
            <family val="3"/>
            <charset val="128"/>
          </rPr>
          <t>他者に供給する
熱・電気を発生さ
せるために使用し
た燃料の使用量</t>
        </r>
      </text>
    </comment>
    <comment ref="AJ103" authorId="0" shapeId="0">
      <text>
        <r>
          <rPr>
            <b/>
            <sz val="9"/>
            <color indexed="81"/>
            <rFont val="MS P ゴシック"/>
            <family val="3"/>
            <charset val="128"/>
          </rPr>
          <t>販売した副生エネルギー</t>
        </r>
      </text>
    </comment>
    <comment ref="AK103" authorId="0" shapeId="0">
      <text>
        <r>
          <rPr>
            <b/>
            <sz val="9"/>
            <color indexed="81"/>
            <rFont val="MS P ゴシック"/>
            <family val="3"/>
            <charset val="128"/>
          </rPr>
          <t>購入した未利用熱の量</t>
        </r>
      </text>
    </comment>
    <comment ref="AM103" authorId="0" shapeId="0">
      <text>
        <r>
          <rPr>
            <b/>
            <sz val="9"/>
            <color indexed="81"/>
            <rFont val="MS P ゴシック"/>
            <family val="3"/>
            <charset val="128"/>
          </rPr>
          <t>他者に供給する
熱・電気を発生さ
せるために使用し
た燃料の使用量</t>
        </r>
      </text>
    </comment>
    <comment ref="AN103" authorId="0" shapeId="0">
      <text>
        <r>
          <rPr>
            <b/>
            <sz val="9"/>
            <color indexed="81"/>
            <rFont val="MS P ゴシック"/>
            <family val="3"/>
            <charset val="128"/>
          </rPr>
          <t>販売した副生エネルギー</t>
        </r>
      </text>
    </comment>
    <comment ref="AO103" authorId="0" shapeId="0">
      <text>
        <r>
          <rPr>
            <b/>
            <sz val="9"/>
            <color indexed="81"/>
            <rFont val="MS P ゴシック"/>
            <family val="3"/>
            <charset val="128"/>
          </rPr>
          <t>購入した未利用熱の量</t>
        </r>
      </text>
    </comment>
    <comment ref="E104" authorId="0" shapeId="0">
      <text>
        <r>
          <rPr>
            <b/>
            <sz val="9"/>
            <color indexed="81"/>
            <rFont val="MS P ゴシック"/>
            <family val="3"/>
            <charset val="128"/>
          </rPr>
          <t>t-CO2/千㎥</t>
        </r>
      </text>
    </comment>
    <comment ref="F104" authorId="0" shapeId="0">
      <text>
        <r>
          <rPr>
            <b/>
            <sz val="9"/>
            <color indexed="81"/>
            <rFont val="MS P ゴシック"/>
            <family val="3"/>
            <charset val="128"/>
          </rPr>
          <t>t-CO2/千㎥</t>
        </r>
      </text>
    </comment>
    <comment ref="E105" authorId="0" shapeId="0">
      <text>
        <r>
          <rPr>
            <b/>
            <sz val="9"/>
            <color indexed="81"/>
            <rFont val="MS P ゴシック"/>
            <family val="3"/>
            <charset val="128"/>
          </rPr>
          <t>t-CO2/千㎥</t>
        </r>
      </text>
    </comment>
    <comment ref="F105" authorId="0" shapeId="0">
      <text>
        <r>
          <rPr>
            <b/>
            <sz val="9"/>
            <color indexed="81"/>
            <rFont val="MS P ゴシック"/>
            <family val="3"/>
            <charset val="128"/>
          </rPr>
          <t>t-CO2/千㎥</t>
        </r>
      </text>
    </comment>
    <comment ref="E106" authorId="0" shapeId="0">
      <text>
        <r>
          <rPr>
            <b/>
            <sz val="9"/>
            <color indexed="81"/>
            <rFont val="MS P ゴシック"/>
            <family val="3"/>
            <charset val="128"/>
          </rPr>
          <t>t-CO2/千㎥</t>
        </r>
      </text>
    </comment>
    <comment ref="F106" authorId="0" shapeId="0">
      <text>
        <r>
          <rPr>
            <b/>
            <sz val="9"/>
            <color indexed="81"/>
            <rFont val="MS P ゴシック"/>
            <family val="3"/>
            <charset val="128"/>
          </rPr>
          <t>t-CO2/千㎥</t>
        </r>
      </text>
    </comment>
    <comment ref="E107" authorId="0" shapeId="0">
      <text>
        <r>
          <rPr>
            <b/>
            <sz val="9"/>
            <color indexed="81"/>
            <rFont val="MS P ゴシック"/>
            <family val="3"/>
            <charset val="128"/>
          </rPr>
          <t>t-CO2/千㎥</t>
        </r>
      </text>
    </comment>
    <comment ref="F107" authorId="0" shapeId="0">
      <text>
        <r>
          <rPr>
            <b/>
            <sz val="9"/>
            <color indexed="81"/>
            <rFont val="MS P ゴシック"/>
            <family val="3"/>
            <charset val="128"/>
          </rPr>
          <t>t-CO2/千㎥</t>
        </r>
      </text>
    </comment>
    <comment ref="E108" authorId="0" shapeId="0">
      <text>
        <r>
          <rPr>
            <b/>
            <sz val="9"/>
            <color indexed="81"/>
            <rFont val="MS P ゴシック"/>
            <family val="3"/>
            <charset val="128"/>
          </rPr>
          <t>t-CO2/千㎥</t>
        </r>
      </text>
    </comment>
    <comment ref="F108" authorId="0" shapeId="0">
      <text>
        <r>
          <rPr>
            <b/>
            <sz val="9"/>
            <color indexed="81"/>
            <rFont val="MS P ゴシック"/>
            <family val="3"/>
            <charset val="128"/>
          </rPr>
          <t>t-CO2/千㎥</t>
        </r>
      </text>
    </comment>
    <comment ref="E109" authorId="0" shapeId="0">
      <text>
        <r>
          <rPr>
            <b/>
            <sz val="9"/>
            <color indexed="81"/>
            <rFont val="MS P ゴシック"/>
            <family val="3"/>
            <charset val="128"/>
          </rPr>
          <t>t-CO2/千㎥</t>
        </r>
      </text>
    </comment>
    <comment ref="F109" authorId="0" shapeId="0">
      <text>
        <r>
          <rPr>
            <b/>
            <sz val="9"/>
            <color indexed="81"/>
            <rFont val="MS P ゴシック"/>
            <family val="3"/>
            <charset val="128"/>
          </rPr>
          <t>t-CO2/千㎥</t>
        </r>
      </text>
    </comment>
    <comment ref="E110" authorId="0" shapeId="0">
      <text>
        <r>
          <rPr>
            <b/>
            <sz val="9"/>
            <color indexed="81"/>
            <rFont val="MS P ゴシック"/>
            <family val="3"/>
            <charset val="128"/>
          </rPr>
          <t>t-CO2/千㎥</t>
        </r>
      </text>
    </comment>
    <comment ref="F110" authorId="0" shapeId="0">
      <text>
        <r>
          <rPr>
            <b/>
            <sz val="9"/>
            <color indexed="81"/>
            <rFont val="MS P ゴシック"/>
            <family val="3"/>
            <charset val="128"/>
          </rPr>
          <t>t-CO2/千㎥</t>
        </r>
      </text>
    </comment>
    <comment ref="E111" authorId="0" shapeId="0">
      <text>
        <r>
          <rPr>
            <b/>
            <sz val="9"/>
            <color indexed="81"/>
            <rFont val="MS P ゴシック"/>
            <family val="3"/>
            <charset val="128"/>
          </rPr>
          <t>t-CO2/千㎥</t>
        </r>
      </text>
    </comment>
    <comment ref="F111" authorId="0" shapeId="0">
      <text>
        <r>
          <rPr>
            <b/>
            <sz val="9"/>
            <color indexed="81"/>
            <rFont val="MS P ゴシック"/>
            <family val="3"/>
            <charset val="128"/>
          </rPr>
          <t>t-CO2/千㎥</t>
        </r>
      </text>
    </comment>
    <comment ref="E112" authorId="0" shapeId="0">
      <text>
        <r>
          <rPr>
            <b/>
            <sz val="9"/>
            <color indexed="81"/>
            <rFont val="MS P ゴシック"/>
            <family val="3"/>
            <charset val="128"/>
          </rPr>
          <t>t-CO2/千㎥</t>
        </r>
      </text>
    </comment>
    <comment ref="F112" authorId="0" shapeId="0">
      <text>
        <r>
          <rPr>
            <b/>
            <sz val="9"/>
            <color indexed="81"/>
            <rFont val="MS P ゴシック"/>
            <family val="3"/>
            <charset val="128"/>
          </rPr>
          <t>t-CO2/千㎥</t>
        </r>
      </text>
    </comment>
    <comment ref="E113" authorId="0" shapeId="0">
      <text>
        <r>
          <rPr>
            <b/>
            <sz val="9"/>
            <color indexed="81"/>
            <rFont val="MS P ゴシック"/>
            <family val="3"/>
            <charset val="128"/>
          </rPr>
          <t>t-CO2/千㎥</t>
        </r>
      </text>
    </comment>
    <comment ref="F113" authorId="0" shapeId="0">
      <text>
        <r>
          <rPr>
            <b/>
            <sz val="9"/>
            <color indexed="81"/>
            <rFont val="MS P ゴシック"/>
            <family val="3"/>
            <charset val="128"/>
          </rPr>
          <t>t-CO2/千㎥</t>
        </r>
      </text>
    </comment>
    <comment ref="A114" authorId="0" shapeId="0">
      <text>
        <r>
          <rPr>
            <b/>
            <sz val="9"/>
            <color indexed="81"/>
            <rFont val="MS P ゴシック"/>
            <family val="3"/>
            <charset val="128"/>
          </rPr>
          <t>産業用蒸気以外の蒸気</t>
        </r>
      </text>
    </comment>
    <comment ref="E114" authorId="0" shapeId="0">
      <text>
        <r>
          <rPr>
            <b/>
            <sz val="9"/>
            <color indexed="81"/>
            <rFont val="MS P ゴシック"/>
            <family val="3"/>
            <charset val="128"/>
          </rPr>
          <t>t-CO2/GJ</t>
        </r>
      </text>
    </comment>
    <comment ref="F114" authorId="0" shapeId="0">
      <text>
        <r>
          <rPr>
            <b/>
            <sz val="9"/>
            <color indexed="81"/>
            <rFont val="MS P ゴシック"/>
            <family val="3"/>
            <charset val="128"/>
          </rPr>
          <t>t-CO2/GJ</t>
        </r>
      </text>
    </comment>
    <comment ref="A115" authorId="0" shapeId="0">
      <text>
        <r>
          <rPr>
            <b/>
            <sz val="9"/>
            <color indexed="81"/>
            <rFont val="MS P ゴシック"/>
            <family val="3"/>
            <charset val="128"/>
          </rPr>
          <t>産業用蒸気以外の蒸気</t>
        </r>
      </text>
    </comment>
    <comment ref="E115" authorId="0" shapeId="0">
      <text>
        <r>
          <rPr>
            <b/>
            <sz val="9"/>
            <color indexed="81"/>
            <rFont val="MS P ゴシック"/>
            <family val="3"/>
            <charset val="128"/>
          </rPr>
          <t>t-CO2/GJ</t>
        </r>
      </text>
    </comment>
    <comment ref="F115" authorId="0" shapeId="0">
      <text>
        <r>
          <rPr>
            <b/>
            <sz val="9"/>
            <color indexed="81"/>
            <rFont val="MS P ゴシック"/>
            <family val="3"/>
            <charset val="128"/>
          </rPr>
          <t>t-CO2/GJ</t>
        </r>
      </text>
    </comment>
    <comment ref="A116" authorId="0" shapeId="0">
      <text>
        <r>
          <rPr>
            <b/>
            <sz val="9"/>
            <color indexed="81"/>
            <rFont val="MS P ゴシック"/>
            <family val="3"/>
            <charset val="128"/>
          </rPr>
          <t>産業用蒸気以外の蒸気</t>
        </r>
      </text>
    </comment>
    <comment ref="E116" authorId="0" shapeId="0">
      <text>
        <r>
          <rPr>
            <b/>
            <sz val="9"/>
            <color indexed="81"/>
            <rFont val="MS P ゴシック"/>
            <family val="3"/>
            <charset val="128"/>
          </rPr>
          <t>t-CO2/GJ</t>
        </r>
      </text>
    </comment>
    <comment ref="F116" authorId="0" shapeId="0">
      <text>
        <r>
          <rPr>
            <b/>
            <sz val="9"/>
            <color indexed="81"/>
            <rFont val="MS P ゴシック"/>
            <family val="3"/>
            <charset val="128"/>
          </rPr>
          <t>t-CO2/GJ</t>
        </r>
      </text>
    </comment>
    <comment ref="E117" authorId="0" shapeId="0">
      <text>
        <r>
          <rPr>
            <b/>
            <sz val="9"/>
            <color indexed="81"/>
            <rFont val="MS P ゴシック"/>
            <family val="3"/>
            <charset val="128"/>
          </rPr>
          <t>t-CO2/GJ</t>
        </r>
      </text>
    </comment>
    <comment ref="F117" authorId="0" shapeId="0">
      <text>
        <r>
          <rPr>
            <b/>
            <sz val="9"/>
            <color indexed="81"/>
            <rFont val="MS P ゴシック"/>
            <family val="3"/>
            <charset val="128"/>
          </rPr>
          <t>t-CO2/GJ</t>
        </r>
      </text>
    </comment>
    <comment ref="E118" authorId="0" shapeId="0">
      <text>
        <r>
          <rPr>
            <b/>
            <sz val="9"/>
            <color indexed="81"/>
            <rFont val="MS P ゴシック"/>
            <family val="3"/>
            <charset val="128"/>
          </rPr>
          <t>t-CO2/GJ</t>
        </r>
      </text>
    </comment>
    <comment ref="F118" authorId="0" shapeId="0">
      <text>
        <r>
          <rPr>
            <b/>
            <sz val="9"/>
            <color indexed="81"/>
            <rFont val="MS P ゴシック"/>
            <family val="3"/>
            <charset val="128"/>
          </rPr>
          <t>t-CO2/GJ</t>
        </r>
      </text>
    </comment>
    <comment ref="E119" authorId="0" shapeId="0">
      <text>
        <r>
          <rPr>
            <b/>
            <sz val="9"/>
            <color indexed="81"/>
            <rFont val="MS P ゴシック"/>
            <family val="3"/>
            <charset val="128"/>
          </rPr>
          <t>t-CO2/GJ</t>
        </r>
      </text>
    </comment>
    <comment ref="F119" authorId="0" shapeId="0">
      <text>
        <r>
          <rPr>
            <b/>
            <sz val="9"/>
            <color indexed="81"/>
            <rFont val="MS P ゴシック"/>
            <family val="3"/>
            <charset val="128"/>
          </rPr>
          <t>t-CO2/GJ</t>
        </r>
      </text>
    </comment>
    <comment ref="E120" authorId="0" shapeId="0">
      <text>
        <r>
          <rPr>
            <b/>
            <sz val="9"/>
            <color indexed="81"/>
            <rFont val="MS P ゴシック"/>
            <family val="3"/>
            <charset val="128"/>
          </rPr>
          <t>t-CO2/GJ</t>
        </r>
      </text>
    </comment>
    <comment ref="F120" authorId="0" shapeId="0">
      <text>
        <r>
          <rPr>
            <b/>
            <sz val="9"/>
            <color indexed="81"/>
            <rFont val="MS P ゴシック"/>
            <family val="3"/>
            <charset val="128"/>
          </rPr>
          <t>t-CO2/GJ</t>
        </r>
      </text>
    </comment>
    <comment ref="E121" authorId="0" shapeId="0">
      <text>
        <r>
          <rPr>
            <b/>
            <sz val="9"/>
            <color indexed="81"/>
            <rFont val="MS P ゴシック"/>
            <family val="3"/>
            <charset val="128"/>
          </rPr>
          <t>t-CO2/GJ</t>
        </r>
      </text>
    </comment>
    <comment ref="F121" authorId="0" shapeId="0">
      <text>
        <r>
          <rPr>
            <b/>
            <sz val="9"/>
            <color indexed="81"/>
            <rFont val="MS P ゴシック"/>
            <family val="3"/>
            <charset val="128"/>
          </rPr>
          <t>t-CO2/GJ</t>
        </r>
      </text>
    </comment>
    <comment ref="E122" authorId="0" shapeId="0">
      <text>
        <r>
          <rPr>
            <b/>
            <sz val="9"/>
            <color indexed="81"/>
            <rFont val="MS P ゴシック"/>
            <family val="3"/>
            <charset val="128"/>
          </rPr>
          <t>t-CO2/GJ</t>
        </r>
      </text>
    </comment>
    <comment ref="F122" authorId="0" shapeId="0">
      <text>
        <r>
          <rPr>
            <b/>
            <sz val="9"/>
            <color indexed="81"/>
            <rFont val="MS P ゴシック"/>
            <family val="3"/>
            <charset val="128"/>
          </rPr>
          <t>t-CO2/GJ</t>
        </r>
      </text>
    </comment>
    <comment ref="E123" authorId="0" shapeId="0">
      <text>
        <r>
          <rPr>
            <b/>
            <sz val="9"/>
            <color indexed="81"/>
            <rFont val="MS P ゴシック"/>
            <family val="3"/>
            <charset val="128"/>
          </rPr>
          <t>t-CO2/kWh</t>
        </r>
      </text>
    </comment>
    <comment ref="F123" authorId="0" shapeId="0">
      <text>
        <r>
          <rPr>
            <b/>
            <sz val="9"/>
            <color indexed="81"/>
            <rFont val="MS P ゴシック"/>
            <family val="3"/>
            <charset val="128"/>
          </rPr>
          <t>t-CO2/kWh</t>
        </r>
      </text>
    </comment>
    <comment ref="E124" authorId="0" shapeId="0">
      <text>
        <r>
          <rPr>
            <b/>
            <sz val="9"/>
            <color indexed="81"/>
            <rFont val="MS P ゴシック"/>
            <family val="3"/>
            <charset val="128"/>
          </rPr>
          <t>t-CO2/kWh</t>
        </r>
      </text>
    </comment>
    <comment ref="F124" authorId="0" shapeId="0">
      <text>
        <r>
          <rPr>
            <b/>
            <sz val="9"/>
            <color indexed="81"/>
            <rFont val="MS P ゴシック"/>
            <family val="3"/>
            <charset val="128"/>
          </rPr>
          <t>t-CO2/kWh</t>
        </r>
      </text>
    </comment>
    <comment ref="E125" authorId="0" shapeId="0">
      <text>
        <r>
          <rPr>
            <b/>
            <sz val="9"/>
            <color indexed="81"/>
            <rFont val="MS P ゴシック"/>
            <family val="3"/>
            <charset val="128"/>
          </rPr>
          <t>t-CO2/kWh</t>
        </r>
      </text>
    </comment>
    <comment ref="F125" authorId="0" shapeId="0">
      <text>
        <r>
          <rPr>
            <b/>
            <sz val="9"/>
            <color indexed="81"/>
            <rFont val="MS P ゴシック"/>
            <family val="3"/>
            <charset val="128"/>
          </rPr>
          <t>t-CO2/kWh</t>
        </r>
      </text>
    </comment>
    <comment ref="E126" authorId="0" shapeId="0">
      <text>
        <r>
          <rPr>
            <b/>
            <sz val="9"/>
            <color indexed="81"/>
            <rFont val="MS P ゴシック"/>
            <family val="3"/>
            <charset val="128"/>
          </rPr>
          <t>t-CO2/kWh</t>
        </r>
      </text>
    </comment>
    <comment ref="F126" authorId="0" shapeId="0">
      <text>
        <r>
          <rPr>
            <b/>
            <sz val="9"/>
            <color indexed="81"/>
            <rFont val="MS P ゴシック"/>
            <family val="3"/>
            <charset val="128"/>
          </rPr>
          <t>t-CO2/kWh</t>
        </r>
      </text>
    </comment>
    <comment ref="E127" authorId="0" shapeId="0">
      <text>
        <r>
          <rPr>
            <b/>
            <sz val="9"/>
            <color indexed="81"/>
            <rFont val="MS P ゴシック"/>
            <family val="3"/>
            <charset val="128"/>
          </rPr>
          <t>t-CO2/kWh</t>
        </r>
      </text>
    </comment>
    <comment ref="F127" authorId="0" shapeId="0">
      <text>
        <r>
          <rPr>
            <b/>
            <sz val="9"/>
            <color indexed="81"/>
            <rFont val="MS P ゴシック"/>
            <family val="3"/>
            <charset val="128"/>
          </rPr>
          <t>t-CO2/kWh</t>
        </r>
      </text>
    </comment>
    <comment ref="E128" authorId="0" shapeId="0">
      <text>
        <r>
          <rPr>
            <b/>
            <sz val="9"/>
            <color indexed="81"/>
            <rFont val="MS P ゴシック"/>
            <family val="3"/>
            <charset val="128"/>
          </rPr>
          <t>t-CO2/kWh</t>
        </r>
      </text>
    </comment>
    <comment ref="F128" authorId="0" shapeId="0">
      <text>
        <r>
          <rPr>
            <b/>
            <sz val="9"/>
            <color indexed="81"/>
            <rFont val="MS P ゴシック"/>
            <family val="3"/>
            <charset val="128"/>
          </rPr>
          <t>t-CO2/kWh</t>
        </r>
      </text>
    </comment>
    <comment ref="E129" authorId="0" shapeId="0">
      <text>
        <r>
          <rPr>
            <b/>
            <sz val="9"/>
            <color indexed="81"/>
            <rFont val="MS P ゴシック"/>
            <family val="3"/>
            <charset val="128"/>
          </rPr>
          <t>t-CO2/kWh</t>
        </r>
      </text>
    </comment>
    <comment ref="F129" authorId="0" shapeId="0">
      <text>
        <r>
          <rPr>
            <b/>
            <sz val="9"/>
            <color indexed="81"/>
            <rFont val="MS P ゴシック"/>
            <family val="3"/>
            <charset val="128"/>
          </rPr>
          <t>t-CO2/kWh</t>
        </r>
      </text>
    </comment>
    <comment ref="E130" authorId="0" shapeId="0">
      <text>
        <r>
          <rPr>
            <b/>
            <sz val="9"/>
            <color indexed="81"/>
            <rFont val="MS P ゴシック"/>
            <family val="3"/>
            <charset val="128"/>
          </rPr>
          <t>t-CO2/kWh</t>
        </r>
      </text>
    </comment>
    <comment ref="F130" authorId="0" shapeId="0">
      <text>
        <r>
          <rPr>
            <b/>
            <sz val="9"/>
            <color indexed="81"/>
            <rFont val="MS P ゴシック"/>
            <family val="3"/>
            <charset val="128"/>
          </rPr>
          <t>t-CO2/kWh</t>
        </r>
      </text>
    </comment>
    <comment ref="E131" authorId="0" shapeId="0">
      <text>
        <r>
          <rPr>
            <b/>
            <sz val="9"/>
            <color indexed="81"/>
            <rFont val="MS P ゴシック"/>
            <family val="3"/>
            <charset val="128"/>
          </rPr>
          <t>t-CO2/kWh</t>
        </r>
      </text>
    </comment>
    <comment ref="F131" authorId="0" shapeId="0">
      <text>
        <r>
          <rPr>
            <b/>
            <sz val="9"/>
            <color indexed="81"/>
            <rFont val="MS P ゴシック"/>
            <family val="3"/>
            <charset val="128"/>
          </rPr>
          <t>t-CO2/kWh</t>
        </r>
      </text>
    </comment>
    <comment ref="E132" authorId="0" shapeId="0">
      <text>
        <r>
          <rPr>
            <b/>
            <sz val="9"/>
            <color indexed="81"/>
            <rFont val="MS P ゴシック"/>
            <family val="3"/>
            <charset val="128"/>
          </rPr>
          <t>t-CO2/kWh</t>
        </r>
      </text>
    </comment>
    <comment ref="F132" authorId="0" shapeId="0">
      <text>
        <r>
          <rPr>
            <b/>
            <sz val="9"/>
            <color indexed="81"/>
            <rFont val="MS P ゴシック"/>
            <family val="3"/>
            <charset val="128"/>
          </rPr>
          <t>t-CO2/kWh</t>
        </r>
      </text>
    </comment>
    <comment ref="E133" authorId="0" shapeId="0">
      <text>
        <r>
          <rPr>
            <b/>
            <sz val="9"/>
            <color indexed="81"/>
            <rFont val="MS P ゴシック"/>
            <family val="3"/>
            <charset val="128"/>
          </rPr>
          <t>t-CO2/kWh</t>
        </r>
      </text>
    </comment>
    <comment ref="F133" authorId="0" shapeId="0">
      <text>
        <r>
          <rPr>
            <b/>
            <sz val="9"/>
            <color indexed="81"/>
            <rFont val="MS P ゴシック"/>
            <family val="3"/>
            <charset val="128"/>
          </rPr>
          <t>t-CO2/kWh</t>
        </r>
      </text>
    </comment>
    <comment ref="E134" authorId="0" shapeId="0">
      <text>
        <r>
          <rPr>
            <b/>
            <sz val="9"/>
            <color indexed="81"/>
            <rFont val="MS P ゴシック"/>
            <family val="3"/>
            <charset val="128"/>
          </rPr>
          <t>t-CO2/kWh</t>
        </r>
      </text>
    </comment>
    <comment ref="F134" authorId="0" shapeId="0">
      <text>
        <r>
          <rPr>
            <b/>
            <sz val="9"/>
            <color indexed="81"/>
            <rFont val="MS P ゴシック"/>
            <family val="3"/>
            <charset val="128"/>
          </rPr>
          <t>t-CO2/kWh</t>
        </r>
      </text>
    </comment>
    <comment ref="E135" authorId="0" shapeId="0">
      <text>
        <r>
          <rPr>
            <b/>
            <sz val="9"/>
            <color indexed="81"/>
            <rFont val="MS P ゴシック"/>
            <family val="3"/>
            <charset val="128"/>
          </rPr>
          <t>t-CO2/kWh</t>
        </r>
      </text>
    </comment>
    <comment ref="F135" authorId="0" shapeId="0">
      <text>
        <r>
          <rPr>
            <b/>
            <sz val="9"/>
            <color indexed="81"/>
            <rFont val="MS P ゴシック"/>
            <family val="3"/>
            <charset val="128"/>
          </rPr>
          <t>t-CO2/kWh</t>
        </r>
      </text>
    </comment>
    <comment ref="E136" authorId="0" shapeId="0">
      <text>
        <r>
          <rPr>
            <b/>
            <sz val="9"/>
            <color indexed="81"/>
            <rFont val="MS P ゴシック"/>
            <family val="3"/>
            <charset val="128"/>
          </rPr>
          <t>t-CO2/kWh</t>
        </r>
      </text>
    </comment>
    <comment ref="F136" authorId="0" shapeId="0">
      <text>
        <r>
          <rPr>
            <b/>
            <sz val="9"/>
            <color indexed="81"/>
            <rFont val="MS P ゴシック"/>
            <family val="3"/>
            <charset val="128"/>
          </rPr>
          <t>t-CO2/kWh</t>
        </r>
      </text>
    </comment>
    <comment ref="E137" authorId="0" shapeId="0">
      <text>
        <r>
          <rPr>
            <b/>
            <sz val="9"/>
            <color indexed="81"/>
            <rFont val="MS P ゴシック"/>
            <family val="3"/>
            <charset val="128"/>
          </rPr>
          <t>t-CO2/kWh</t>
        </r>
      </text>
    </comment>
    <comment ref="F137" authorId="0" shapeId="0">
      <text>
        <r>
          <rPr>
            <b/>
            <sz val="9"/>
            <color indexed="81"/>
            <rFont val="MS P ゴシック"/>
            <family val="3"/>
            <charset val="128"/>
          </rPr>
          <t>t-CO2/kWh</t>
        </r>
      </text>
    </comment>
    <comment ref="E138" authorId="0" shapeId="0">
      <text>
        <r>
          <rPr>
            <b/>
            <sz val="9"/>
            <color indexed="81"/>
            <rFont val="MS P ゴシック"/>
            <family val="3"/>
            <charset val="128"/>
          </rPr>
          <t>t-CO2/kWh</t>
        </r>
      </text>
    </comment>
    <comment ref="F138" authorId="0" shapeId="0">
      <text>
        <r>
          <rPr>
            <b/>
            <sz val="9"/>
            <color indexed="81"/>
            <rFont val="MS P ゴシック"/>
            <family val="3"/>
            <charset val="128"/>
          </rPr>
          <t>t-CO2/kWh</t>
        </r>
      </text>
    </comment>
    <comment ref="E139" authorId="0" shapeId="0">
      <text>
        <r>
          <rPr>
            <b/>
            <sz val="9"/>
            <color indexed="81"/>
            <rFont val="MS P ゴシック"/>
            <family val="3"/>
            <charset val="128"/>
          </rPr>
          <t>t-CO2/kWh</t>
        </r>
      </text>
    </comment>
    <comment ref="F139" authorId="0" shapeId="0">
      <text>
        <r>
          <rPr>
            <b/>
            <sz val="9"/>
            <color indexed="81"/>
            <rFont val="MS P ゴシック"/>
            <family val="3"/>
            <charset val="128"/>
          </rPr>
          <t>t-CO2/kWh</t>
        </r>
      </text>
    </comment>
    <comment ref="E140" authorId="0" shapeId="0">
      <text>
        <r>
          <rPr>
            <b/>
            <sz val="9"/>
            <color indexed="81"/>
            <rFont val="MS P ゴシック"/>
            <family val="3"/>
            <charset val="128"/>
          </rPr>
          <t>t-CO2/kWh</t>
        </r>
      </text>
    </comment>
    <comment ref="F140" authorId="0" shapeId="0">
      <text>
        <r>
          <rPr>
            <b/>
            <sz val="9"/>
            <color indexed="81"/>
            <rFont val="MS P ゴシック"/>
            <family val="3"/>
            <charset val="128"/>
          </rPr>
          <t>t-CO2/kWh</t>
        </r>
      </text>
    </comment>
    <comment ref="E141" authorId="0" shapeId="0">
      <text>
        <r>
          <rPr>
            <b/>
            <sz val="9"/>
            <color indexed="81"/>
            <rFont val="MS P ゴシック"/>
            <family val="3"/>
            <charset val="128"/>
          </rPr>
          <t>t-CO2/kWh</t>
        </r>
      </text>
    </comment>
    <comment ref="F141" authorId="0" shapeId="0">
      <text>
        <r>
          <rPr>
            <b/>
            <sz val="9"/>
            <color indexed="81"/>
            <rFont val="MS P ゴシック"/>
            <family val="3"/>
            <charset val="128"/>
          </rPr>
          <t>t-CO2/kWh</t>
        </r>
      </text>
    </comment>
    <comment ref="E142" authorId="0" shapeId="0">
      <text>
        <r>
          <rPr>
            <b/>
            <sz val="9"/>
            <color indexed="81"/>
            <rFont val="MS P ゴシック"/>
            <family val="3"/>
            <charset val="128"/>
          </rPr>
          <t>t-CO2/kWh</t>
        </r>
      </text>
    </comment>
    <comment ref="F142" authorId="0" shapeId="0">
      <text>
        <r>
          <rPr>
            <b/>
            <sz val="9"/>
            <color indexed="81"/>
            <rFont val="MS P ゴシック"/>
            <family val="3"/>
            <charset val="128"/>
          </rPr>
          <t>t-CO2/kWh</t>
        </r>
      </text>
    </comment>
    <comment ref="E143" authorId="0" shapeId="0">
      <text>
        <r>
          <rPr>
            <b/>
            <sz val="9"/>
            <color indexed="81"/>
            <rFont val="MS P ゴシック"/>
            <family val="3"/>
            <charset val="128"/>
          </rPr>
          <t>t-CO2/kWh</t>
        </r>
      </text>
    </comment>
    <comment ref="F143" authorId="0" shapeId="0">
      <text>
        <r>
          <rPr>
            <b/>
            <sz val="9"/>
            <color indexed="81"/>
            <rFont val="MS P ゴシック"/>
            <family val="3"/>
            <charset val="128"/>
          </rPr>
          <t>t-CO2/kWh</t>
        </r>
      </text>
    </comment>
    <comment ref="E144" authorId="0" shapeId="0">
      <text>
        <r>
          <rPr>
            <b/>
            <sz val="9"/>
            <color indexed="81"/>
            <rFont val="MS P ゴシック"/>
            <family val="3"/>
            <charset val="128"/>
          </rPr>
          <t>t-CO2/kWh</t>
        </r>
      </text>
    </comment>
    <comment ref="F144" authorId="0" shapeId="0">
      <text>
        <r>
          <rPr>
            <b/>
            <sz val="9"/>
            <color indexed="81"/>
            <rFont val="MS P ゴシック"/>
            <family val="3"/>
            <charset val="128"/>
          </rPr>
          <t>t-CO2/kWh</t>
        </r>
      </text>
    </comment>
    <comment ref="E145" authorId="0" shapeId="0">
      <text>
        <r>
          <rPr>
            <b/>
            <sz val="9"/>
            <color indexed="81"/>
            <rFont val="MS P ゴシック"/>
            <family val="3"/>
            <charset val="128"/>
          </rPr>
          <t>t-CO2/kWh</t>
        </r>
      </text>
    </comment>
    <comment ref="F145" authorId="0" shapeId="0">
      <text>
        <r>
          <rPr>
            <b/>
            <sz val="9"/>
            <color indexed="81"/>
            <rFont val="MS P ゴシック"/>
            <family val="3"/>
            <charset val="128"/>
          </rPr>
          <t>t-CO2/kWh</t>
        </r>
      </text>
    </comment>
    <comment ref="E146" authorId="0" shapeId="0">
      <text>
        <r>
          <rPr>
            <b/>
            <sz val="9"/>
            <color indexed="81"/>
            <rFont val="MS P ゴシック"/>
            <family val="3"/>
            <charset val="128"/>
          </rPr>
          <t>t-CO2/kWh</t>
        </r>
      </text>
    </comment>
    <comment ref="F146" authorId="0" shapeId="0">
      <text>
        <r>
          <rPr>
            <b/>
            <sz val="9"/>
            <color indexed="81"/>
            <rFont val="MS P ゴシック"/>
            <family val="3"/>
            <charset val="128"/>
          </rPr>
          <t>t-CO2/kWh</t>
        </r>
      </text>
    </comment>
    <comment ref="E147" authorId="0" shapeId="0">
      <text>
        <r>
          <rPr>
            <b/>
            <sz val="9"/>
            <color indexed="81"/>
            <rFont val="MS P ゴシック"/>
            <family val="3"/>
            <charset val="128"/>
          </rPr>
          <t>t-CO2/kWh</t>
        </r>
      </text>
    </comment>
    <comment ref="F147" authorId="0" shapeId="0">
      <text>
        <r>
          <rPr>
            <b/>
            <sz val="9"/>
            <color indexed="81"/>
            <rFont val="MS P ゴシック"/>
            <family val="3"/>
            <charset val="128"/>
          </rPr>
          <t>t-CO2/kWh</t>
        </r>
      </text>
    </comment>
    <comment ref="E148" authorId="0" shapeId="0">
      <text>
        <r>
          <rPr>
            <b/>
            <sz val="9"/>
            <color indexed="81"/>
            <rFont val="MS P ゴシック"/>
            <family val="3"/>
            <charset val="128"/>
          </rPr>
          <t>t-CO2/kWh</t>
        </r>
      </text>
    </comment>
    <comment ref="F148" authorId="0" shapeId="0">
      <text>
        <r>
          <rPr>
            <b/>
            <sz val="9"/>
            <color indexed="81"/>
            <rFont val="MS P ゴシック"/>
            <family val="3"/>
            <charset val="128"/>
          </rPr>
          <t>t-CO2/kWh</t>
        </r>
      </text>
    </comment>
    <comment ref="E149" authorId="0" shapeId="0">
      <text>
        <r>
          <rPr>
            <b/>
            <sz val="9"/>
            <color indexed="81"/>
            <rFont val="MS P ゴシック"/>
            <family val="3"/>
            <charset val="128"/>
          </rPr>
          <t>t-CO2/kWh</t>
        </r>
      </text>
    </comment>
    <comment ref="F149" authorId="0" shapeId="0">
      <text>
        <r>
          <rPr>
            <b/>
            <sz val="9"/>
            <color indexed="81"/>
            <rFont val="MS P ゴシック"/>
            <family val="3"/>
            <charset val="128"/>
          </rPr>
          <t>t-CO2/kWh</t>
        </r>
      </text>
    </comment>
    <comment ref="E150" authorId="0" shapeId="0">
      <text>
        <r>
          <rPr>
            <b/>
            <sz val="9"/>
            <color indexed="81"/>
            <rFont val="MS P ゴシック"/>
            <family val="3"/>
            <charset val="128"/>
          </rPr>
          <t>t-CO2/kWh</t>
        </r>
      </text>
    </comment>
    <comment ref="F150" authorId="0" shapeId="0">
      <text>
        <r>
          <rPr>
            <b/>
            <sz val="9"/>
            <color indexed="81"/>
            <rFont val="MS P ゴシック"/>
            <family val="3"/>
            <charset val="128"/>
          </rPr>
          <t>t-CO2/kWh</t>
        </r>
      </text>
    </comment>
    <comment ref="E151" authorId="0" shapeId="0">
      <text>
        <r>
          <rPr>
            <b/>
            <sz val="9"/>
            <color indexed="81"/>
            <rFont val="MS P ゴシック"/>
            <family val="3"/>
            <charset val="128"/>
          </rPr>
          <t>t-CO2/kWh</t>
        </r>
      </text>
    </comment>
    <comment ref="F151" authorId="0" shapeId="0">
      <text>
        <r>
          <rPr>
            <b/>
            <sz val="9"/>
            <color indexed="81"/>
            <rFont val="MS P ゴシック"/>
            <family val="3"/>
            <charset val="128"/>
          </rPr>
          <t>t-CO2/kWh</t>
        </r>
      </text>
    </comment>
    <comment ref="E152" authorId="0" shapeId="0">
      <text>
        <r>
          <rPr>
            <b/>
            <sz val="9"/>
            <color indexed="81"/>
            <rFont val="MS P ゴシック"/>
            <family val="3"/>
            <charset val="128"/>
          </rPr>
          <t>t-CO2/kWh</t>
        </r>
      </text>
    </comment>
    <comment ref="F152" authorId="0" shapeId="0">
      <text>
        <r>
          <rPr>
            <b/>
            <sz val="9"/>
            <color indexed="81"/>
            <rFont val="MS P ゴシック"/>
            <family val="3"/>
            <charset val="128"/>
          </rPr>
          <t>t-CO2/kWh</t>
        </r>
      </text>
    </comment>
  </commentList>
</comments>
</file>

<file path=xl/sharedStrings.xml><?xml version="1.0" encoding="utf-8"?>
<sst xmlns="http://schemas.openxmlformats.org/spreadsheetml/2006/main" count="607" uniqueCount="386">
  <si>
    <t>要求</t>
    <rPh sb="0" eb="2">
      <t>ヨウキュウ</t>
    </rPh>
    <phoneticPr fontId="1"/>
  </si>
  <si>
    <t>理由</t>
    <rPh sb="0" eb="2">
      <t>リユウ</t>
    </rPh>
    <phoneticPr fontId="1"/>
  </si>
  <si>
    <t>説明</t>
    <rPh sb="0" eb="2">
      <t>セツメイ</t>
    </rPh>
    <phoneticPr fontId="1"/>
  </si>
  <si>
    <t>その他</t>
    <rPh sb="2" eb="3">
      <t>タ</t>
    </rPh>
    <phoneticPr fontId="1"/>
  </si>
  <si>
    <t>&lt;エネルギー使用量等の抽出&gt;</t>
    <rPh sb="6" eb="9">
      <t>シヨウリョウ</t>
    </rPh>
    <rPh sb="9" eb="10">
      <t>トウ</t>
    </rPh>
    <rPh sb="11" eb="13">
      <t>チュウシュツ</t>
    </rPh>
    <phoneticPr fontId="1"/>
  </si>
  <si>
    <t>システムで管理されているクレジット等の取得量等を計画書制度の報告様式に取り出すため</t>
    <rPh sb="5" eb="7">
      <t>カンリ</t>
    </rPh>
    <rPh sb="17" eb="18">
      <t>トウ</t>
    </rPh>
    <rPh sb="19" eb="21">
      <t>シュトク</t>
    </rPh>
    <rPh sb="21" eb="22">
      <t>リョウ</t>
    </rPh>
    <rPh sb="22" eb="23">
      <t>トウ</t>
    </rPh>
    <rPh sb="24" eb="27">
      <t>ケイカクショ</t>
    </rPh>
    <rPh sb="27" eb="29">
      <t>セイド</t>
    </rPh>
    <rPh sb="30" eb="32">
      <t>ホウコク</t>
    </rPh>
    <rPh sb="32" eb="34">
      <t>ヨウシキ</t>
    </rPh>
    <rPh sb="35" eb="36">
      <t>ト</t>
    </rPh>
    <rPh sb="37" eb="38">
      <t>ダ</t>
    </rPh>
    <phoneticPr fontId="1"/>
  </si>
  <si>
    <t>&lt;抽出・選択・出力&gt;</t>
    <rPh sb="1" eb="3">
      <t>チュウシュツ</t>
    </rPh>
    <rPh sb="4" eb="6">
      <t>センタク</t>
    </rPh>
    <rPh sb="7" eb="9">
      <t>シュツリョク</t>
    </rPh>
    <phoneticPr fontId="1"/>
  </si>
  <si>
    <t>&lt;クレジット等の抽出＞</t>
    <rPh sb="6" eb="7">
      <t>トウ</t>
    </rPh>
    <rPh sb="8" eb="10">
      <t>チュウシュツ</t>
    </rPh>
    <phoneticPr fontId="1"/>
  </si>
  <si>
    <t>K-02</t>
  </si>
  <si>
    <t>クレジット等</t>
    <rPh sb="5" eb="6">
      <t>トウ</t>
    </rPh>
    <phoneticPr fontId="1"/>
  </si>
  <si>
    <t>原単位</t>
    <rPh sb="0" eb="3">
      <t>ゲンタンイ</t>
    </rPh>
    <phoneticPr fontId="2"/>
  </si>
  <si>
    <t>千kWh</t>
    <rPh sb="0" eb="1">
      <t>セン</t>
    </rPh>
    <phoneticPr fontId="4"/>
  </si>
  <si>
    <t>kW</t>
  </si>
  <si>
    <t>水力</t>
    <rPh sb="0" eb="2">
      <t>スイリョク</t>
    </rPh>
    <phoneticPr fontId="3"/>
  </si>
  <si>
    <t>地熱</t>
    <rPh sb="0" eb="2">
      <t>チネツ</t>
    </rPh>
    <phoneticPr fontId="3"/>
  </si>
  <si>
    <t>風力</t>
    <rPh sb="0" eb="2">
      <t>フウリョク</t>
    </rPh>
    <phoneticPr fontId="3"/>
  </si>
  <si>
    <t>太陽光</t>
    <rPh sb="0" eb="3">
      <t>タイヨウコウ</t>
    </rPh>
    <phoneticPr fontId="3"/>
  </si>
  <si>
    <t>自家発電</t>
    <rPh sb="0" eb="4">
      <t>ジカハツデン</t>
    </rPh>
    <phoneticPr fontId="3"/>
  </si>
  <si>
    <t>電
気</t>
    <rPh sb="0" eb="1">
      <t>デン</t>
    </rPh>
    <rPh sb="3" eb="4">
      <t>キ</t>
    </rPh>
    <phoneticPr fontId="4"/>
  </si>
  <si>
    <t>冷水</t>
    <rPh sb="0" eb="2">
      <t>レイスイ</t>
    </rPh>
    <phoneticPr fontId="4"/>
  </si>
  <si>
    <t>温水</t>
    <rPh sb="0" eb="2">
      <t>オンスイ</t>
    </rPh>
    <phoneticPr fontId="4"/>
  </si>
  <si>
    <t>産業用以外の蒸気</t>
    <rPh sb="0" eb="3">
      <t>サンギョウヨウ</t>
    </rPh>
    <rPh sb="3" eb="5">
      <t>イガイ</t>
    </rPh>
    <rPh sb="6" eb="8">
      <t>ジョウキ</t>
    </rPh>
    <phoneticPr fontId="4"/>
  </si>
  <si>
    <t>ｔ</t>
  </si>
  <si>
    <t>アンモニア</t>
  </si>
  <si>
    <t>水素</t>
    <rPh sb="0" eb="2">
      <t>スイソ</t>
    </rPh>
    <phoneticPr fontId="3"/>
  </si>
  <si>
    <t>混合廃材</t>
    <rPh sb="0" eb="4">
      <t>コンゴウハイザイ</t>
    </rPh>
    <phoneticPr fontId="3"/>
  </si>
  <si>
    <t>廃棄物ガス</t>
    <rPh sb="0" eb="3">
      <t>ハイキブツ</t>
    </rPh>
    <phoneticPr fontId="3"/>
  </si>
  <si>
    <t>廃油</t>
    <rPh sb="0" eb="2">
      <t>ハイユ</t>
    </rPh>
    <phoneticPr fontId="3"/>
  </si>
  <si>
    <t>廃プラスチック（産業廃棄物）</t>
    <rPh sb="0" eb="1">
      <t>ハイ</t>
    </rPh>
    <rPh sb="8" eb="13">
      <t>サンギョウハイキブツ</t>
    </rPh>
    <phoneticPr fontId="3"/>
  </si>
  <si>
    <t>廃プラスチック（一般廃棄物）</t>
    <rPh sb="0" eb="1">
      <t>ハイ</t>
    </rPh>
    <rPh sb="8" eb="13">
      <t>イッパンハイキブツ</t>
    </rPh>
    <phoneticPr fontId="3"/>
  </si>
  <si>
    <t>廃タイヤ</t>
    <rPh sb="0" eb="1">
      <t>ハイ</t>
    </rPh>
    <phoneticPr fontId="3"/>
  </si>
  <si>
    <t>RPF</t>
  </si>
  <si>
    <t>RDF</t>
  </si>
  <si>
    <t>その他バイオマス</t>
    <rPh sb="2" eb="3">
      <t>タ</t>
    </rPh>
    <phoneticPr fontId="3"/>
  </si>
  <si>
    <t>バイオガス</t>
  </si>
  <si>
    <t>バイオディーゼル</t>
  </si>
  <si>
    <t>バイオエタノール</t>
  </si>
  <si>
    <t>木質廃材</t>
    <rPh sb="0" eb="4">
      <t>モクシツハイザイ</t>
    </rPh>
    <phoneticPr fontId="3"/>
  </si>
  <si>
    <t>木材</t>
    <rPh sb="0" eb="2">
      <t>モクザイ</t>
    </rPh>
    <phoneticPr fontId="3"/>
  </si>
  <si>
    <t>黒液</t>
    <rPh sb="0" eb="2">
      <t>クロエキ</t>
    </rPh>
    <phoneticPr fontId="3"/>
  </si>
  <si>
    <t>都市ガス</t>
  </si>
  <si>
    <t>転炉ガス</t>
  </si>
  <si>
    <t>発電用高炉ガス</t>
    <rPh sb="2" eb="3">
      <t>ヨウ</t>
    </rPh>
    <phoneticPr fontId="3"/>
  </si>
  <si>
    <t>高炉ガス</t>
  </si>
  <si>
    <t>コークス炉ガス</t>
  </si>
  <si>
    <t>コールタール</t>
  </si>
  <si>
    <t>石炭コークス</t>
  </si>
  <si>
    <t>輸入無煙炭</t>
    <rPh sb="0" eb="2">
      <t>ユニュウ</t>
    </rPh>
    <phoneticPr fontId="3"/>
  </si>
  <si>
    <t>国産一般炭</t>
    <rPh sb="0" eb="2">
      <t>コクサン</t>
    </rPh>
    <rPh sb="2" eb="4">
      <t>イッパン</t>
    </rPh>
    <rPh sb="4" eb="5">
      <t>スミ</t>
    </rPh>
    <phoneticPr fontId="3"/>
  </si>
  <si>
    <t>輸入一般炭</t>
    <rPh sb="0" eb="2">
      <t>ユニュウ</t>
    </rPh>
    <phoneticPr fontId="3"/>
  </si>
  <si>
    <t>吹込用原料炭</t>
    <rPh sb="0" eb="2">
      <t>フキコ</t>
    </rPh>
    <rPh sb="2" eb="3">
      <t>ヨウ</t>
    </rPh>
    <rPh sb="3" eb="5">
      <t>ゲンリョウ</t>
    </rPh>
    <rPh sb="5" eb="6">
      <t>スミ</t>
    </rPh>
    <phoneticPr fontId="3"/>
  </si>
  <si>
    <t>コークス用原料炭</t>
    <rPh sb="4" eb="5">
      <t>ヨウ</t>
    </rPh>
    <rPh sb="5" eb="7">
      <t>ゲンリョウ</t>
    </rPh>
    <rPh sb="7" eb="8">
      <t>スミ</t>
    </rPh>
    <phoneticPr fontId="3"/>
  </si>
  <si>
    <t>輸入原料炭</t>
    <rPh sb="0" eb="2">
      <t>ユニュウ</t>
    </rPh>
    <phoneticPr fontId="3"/>
  </si>
  <si>
    <t>その他可燃性天然ガス</t>
  </si>
  <si>
    <t>石油ガス</t>
  </si>
  <si>
    <t>石油コークス</t>
  </si>
  <si>
    <t>石油アスファルト</t>
  </si>
  <si>
    <t>Ｂ・Ｃ重油</t>
  </si>
  <si>
    <t>Ａ重油</t>
  </si>
  <si>
    <t>軽油</t>
  </si>
  <si>
    <t>灯油</t>
  </si>
  <si>
    <t>ジェット燃料油</t>
    <rPh sb="4" eb="7">
      <t>ネンリョウユ</t>
    </rPh>
    <phoneticPr fontId="3"/>
  </si>
  <si>
    <t>ナフサ</t>
  </si>
  <si>
    <t>揮発油</t>
  </si>
  <si>
    <t>原油のうちコンデンセート(NGL)</t>
    <rPh sb="0" eb="2">
      <t>ゲンユ</t>
    </rPh>
    <phoneticPr fontId="4"/>
  </si>
  <si>
    <t>原油(コンデンセートを除く)</t>
  </si>
  <si>
    <t>使用量</t>
    <rPh sb="0" eb="3">
      <t>シヨウリョウ</t>
    </rPh>
    <phoneticPr fontId="3"/>
  </si>
  <si>
    <t>事業所名</t>
    <rPh sb="0" eb="2">
      <t>ジギョウ</t>
    </rPh>
    <rPh sb="2" eb="3">
      <t>ショ</t>
    </rPh>
    <rPh sb="3" eb="4">
      <t>メイ</t>
    </rPh>
    <phoneticPr fontId="1"/>
  </si>
  <si>
    <t>事業者の住所又は主たる事務所の所在地</t>
  </si>
  <si>
    <t>（氏名）</t>
    <rPh sb="1" eb="3">
      <t>シメイ</t>
    </rPh>
    <phoneticPr fontId="1"/>
  </si>
  <si>
    <t>(役職）</t>
    <rPh sb="1" eb="3">
      <t>ヤクショク</t>
    </rPh>
    <phoneticPr fontId="1"/>
  </si>
  <si>
    <t>代表者役職・氏名</t>
    <rPh sb="6" eb="8">
      <t>シメイ</t>
    </rPh>
    <phoneticPr fontId="1"/>
  </si>
  <si>
    <t>法人・団体名</t>
  </si>
  <si>
    <t>報告対象年度</t>
    <rPh sb="0" eb="2">
      <t>ホウコク</t>
    </rPh>
    <rPh sb="2" eb="4">
      <t>タイショウ</t>
    </rPh>
    <rPh sb="4" eb="6">
      <t>ネンド</t>
    </rPh>
    <phoneticPr fontId="1"/>
  </si>
  <si>
    <t>&lt;出力様式に出力&gt;</t>
    <rPh sb="1" eb="3">
      <t>シュツリョク</t>
    </rPh>
    <rPh sb="3" eb="5">
      <t>ヨウシキ</t>
    </rPh>
    <rPh sb="6" eb="8">
      <t>シュツリョク</t>
    </rPh>
    <phoneticPr fontId="1"/>
  </si>
  <si>
    <t>&lt;出力様式の保存&gt;</t>
    <rPh sb="1" eb="3">
      <t>シュツリョク</t>
    </rPh>
    <rPh sb="3" eb="5">
      <t>ヨウシキ</t>
    </rPh>
    <rPh sb="6" eb="8">
      <t>ホゾン</t>
    </rPh>
    <phoneticPr fontId="1"/>
  </si>
  <si>
    <t>K-03</t>
    <phoneticPr fontId="1"/>
  </si>
  <si>
    <t>K-04</t>
    <phoneticPr fontId="1"/>
  </si>
  <si>
    <t>石油系炭化水素ガス</t>
    <phoneticPr fontId="1"/>
  </si>
  <si>
    <t>液化石油ガス（ＬＰＧ）</t>
    <phoneticPr fontId="1"/>
  </si>
  <si>
    <t>その他燃料</t>
    <rPh sb="2" eb="3">
      <t>タ</t>
    </rPh>
    <rPh sb="3" eb="5">
      <t>ネンリョウ</t>
    </rPh>
    <phoneticPr fontId="1"/>
  </si>
  <si>
    <t>化石燃料</t>
    <rPh sb="0" eb="2">
      <t>カセキ</t>
    </rPh>
    <rPh sb="2" eb="4">
      <t>ネンリョウ</t>
    </rPh>
    <phoneticPr fontId="4"/>
  </si>
  <si>
    <t>非化石燃料</t>
    <rPh sb="0" eb="1">
      <t>ヒ</t>
    </rPh>
    <rPh sb="1" eb="3">
      <t>カセキ</t>
    </rPh>
    <rPh sb="3" eb="5">
      <t>ネンリョウ</t>
    </rPh>
    <phoneticPr fontId="1"/>
  </si>
  <si>
    <t>地熱</t>
    <rPh sb="0" eb="2">
      <t>チネツ</t>
    </rPh>
    <phoneticPr fontId="1"/>
  </si>
  <si>
    <t>温泉熱</t>
    <rPh sb="0" eb="2">
      <t>オンセン</t>
    </rPh>
    <rPh sb="2" eb="3">
      <t>ネツ</t>
    </rPh>
    <phoneticPr fontId="1"/>
  </si>
  <si>
    <t>太陽熱</t>
    <rPh sb="0" eb="3">
      <t>タイヨウネツ</t>
    </rPh>
    <phoneticPr fontId="1"/>
  </si>
  <si>
    <t>雪氷熱</t>
    <rPh sb="0" eb="2">
      <t>セッピョウ</t>
    </rPh>
    <rPh sb="2" eb="3">
      <t>ネツ</t>
    </rPh>
    <phoneticPr fontId="1"/>
  </si>
  <si>
    <t>その他使用した熱</t>
    <rPh sb="2" eb="3">
      <t>タ</t>
    </rPh>
    <rPh sb="3" eb="5">
      <t>シヨウ</t>
    </rPh>
    <rPh sb="7" eb="8">
      <t>ネツ</t>
    </rPh>
    <phoneticPr fontId="1"/>
  </si>
  <si>
    <t>産業用蒸気</t>
    <phoneticPr fontId="1"/>
  </si>
  <si>
    <t>他者から購入した熱</t>
    <rPh sb="0" eb="2">
      <t>タシャ</t>
    </rPh>
    <rPh sb="4" eb="6">
      <t>コウニュウ</t>
    </rPh>
    <rPh sb="8" eb="9">
      <t>ネツ</t>
    </rPh>
    <phoneticPr fontId="1"/>
  </si>
  <si>
    <t>電気事業者からの買電</t>
    <rPh sb="0" eb="2">
      <t>デンキ</t>
    </rPh>
    <rPh sb="8" eb="10">
      <t>カイデン</t>
    </rPh>
    <phoneticPr fontId="4"/>
  </si>
  <si>
    <t>電気事業者</t>
    <rPh sb="0" eb="2">
      <t>デンキ</t>
    </rPh>
    <rPh sb="2" eb="5">
      <t>ジギョウシャ</t>
    </rPh>
    <phoneticPr fontId="4"/>
  </si>
  <si>
    <t>うち非化石分</t>
    <rPh sb="2" eb="6">
      <t>ヒカセキブン</t>
    </rPh>
    <phoneticPr fontId="4"/>
  </si>
  <si>
    <t>自己託送（非燃料由来の非化石電気）</t>
    <rPh sb="0" eb="2">
      <t>ジコ</t>
    </rPh>
    <rPh sb="2" eb="4">
      <t>タクソウ</t>
    </rPh>
    <rPh sb="5" eb="8">
      <t>ヒネンリョウ</t>
    </rPh>
    <rPh sb="8" eb="10">
      <t>ユライ</t>
    </rPh>
    <rPh sb="11" eb="14">
      <t>ヒカセキ</t>
    </rPh>
    <rPh sb="14" eb="16">
      <t>デンキ</t>
    </rPh>
    <phoneticPr fontId="3"/>
  </si>
  <si>
    <t>上記以外の自己託送</t>
    <rPh sb="0" eb="2">
      <t>ジョウキ</t>
    </rPh>
    <rPh sb="2" eb="4">
      <t>イガイ</t>
    </rPh>
    <rPh sb="5" eb="7">
      <t>ジコ</t>
    </rPh>
    <rPh sb="7" eb="9">
      <t>タクソウ</t>
    </rPh>
    <phoneticPr fontId="3"/>
  </si>
  <si>
    <t>上記以外の買電</t>
    <rPh sb="0" eb="2">
      <t>ジョウキ</t>
    </rPh>
    <rPh sb="2" eb="4">
      <t>イガイ</t>
    </rPh>
    <rPh sb="5" eb="7">
      <t>バイデン</t>
    </rPh>
    <phoneticPr fontId="1"/>
  </si>
  <si>
    <t>その他自家発電（燃料）</t>
    <rPh sb="3" eb="6">
      <t>ジカハツ</t>
    </rPh>
    <rPh sb="6" eb="7">
      <t>デン</t>
    </rPh>
    <rPh sb="8" eb="10">
      <t>ネンリョウ</t>
    </rPh>
    <phoneticPr fontId="1"/>
  </si>
  <si>
    <t>その他自家発電（熱）</t>
    <rPh sb="2" eb="3">
      <t>タ</t>
    </rPh>
    <rPh sb="3" eb="5">
      <t>ジカ</t>
    </rPh>
    <rPh sb="5" eb="7">
      <t>ハツデン</t>
    </rPh>
    <rPh sb="8" eb="9">
      <t>ネツ</t>
    </rPh>
    <phoneticPr fontId="1"/>
  </si>
  <si>
    <t>化石</t>
    <rPh sb="0" eb="2">
      <t>カセキ</t>
    </rPh>
    <phoneticPr fontId="1"/>
  </si>
  <si>
    <t>非化石</t>
    <phoneticPr fontId="1"/>
  </si>
  <si>
    <t>外部供給</t>
    <rPh sb="0" eb="2">
      <t>ガイブ</t>
    </rPh>
    <rPh sb="2" eb="4">
      <t>キョウキュウ</t>
    </rPh>
    <phoneticPr fontId="1"/>
  </si>
  <si>
    <t>副生エネルギー</t>
    <rPh sb="0" eb="2">
      <t>フクセイ</t>
    </rPh>
    <phoneticPr fontId="1"/>
  </si>
  <si>
    <t>未利用熱</t>
    <rPh sb="0" eb="3">
      <t>ミリヨウ</t>
    </rPh>
    <rPh sb="3" eb="4">
      <t>ネツ</t>
    </rPh>
    <phoneticPr fontId="3"/>
  </si>
  <si>
    <t>熱</t>
    <rPh sb="0" eb="1">
      <t>ネツ</t>
    </rPh>
    <phoneticPr fontId="1"/>
  </si>
  <si>
    <t>所在地</t>
    <rPh sb="0" eb="3">
      <t>ショザイチ</t>
    </rPh>
    <phoneticPr fontId="1"/>
  </si>
  <si>
    <t>K-02.01</t>
  </si>
  <si>
    <t>K-02.01.01a</t>
  </si>
  <si>
    <t>K-02.01.01b</t>
  </si>
  <si>
    <t>K-02.01.01c</t>
  </si>
  <si>
    <t>K-02.02</t>
  </si>
  <si>
    <t>K-02.02.02</t>
  </si>
  <si>
    <t>K-02.03</t>
  </si>
  <si>
    <t>K-02.03.02</t>
  </si>
  <si>
    <t>K-03.01.01</t>
  </si>
  <si>
    <t>K-03.01</t>
    <phoneticPr fontId="1"/>
  </si>
  <si>
    <t>基礎排出係数</t>
    <rPh sb="0" eb="2">
      <t>キソ</t>
    </rPh>
    <rPh sb="2" eb="4">
      <t>ハイシュツ</t>
    </rPh>
    <rPh sb="4" eb="6">
      <t>ケイスウ</t>
    </rPh>
    <phoneticPr fontId="1"/>
  </si>
  <si>
    <t>K-04.01</t>
    <phoneticPr fontId="1"/>
  </si>
  <si>
    <t>メニュー名</t>
    <rPh sb="4" eb="5">
      <t>メイ</t>
    </rPh>
    <phoneticPr fontId="1"/>
  </si>
  <si>
    <t>供給事業者の登録番号</t>
    <rPh sb="0" eb="2">
      <t>キョウキュウ</t>
    </rPh>
    <rPh sb="2" eb="5">
      <t>ジギョウシャ</t>
    </rPh>
    <rPh sb="6" eb="8">
      <t>トウロク</t>
    </rPh>
    <rPh sb="8" eb="10">
      <t>バンゴウ</t>
    </rPh>
    <phoneticPr fontId="2"/>
  </si>
  <si>
    <t>使用量</t>
    <rPh sb="0" eb="3">
      <t>シヨウリョウ</t>
    </rPh>
    <phoneticPr fontId="1"/>
  </si>
  <si>
    <t>計画書制度の報告様式にデータを取り込むため</t>
    <rPh sb="0" eb="3">
      <t>ケイカクショ</t>
    </rPh>
    <rPh sb="3" eb="5">
      <t>セイド</t>
    </rPh>
    <rPh sb="6" eb="8">
      <t>ホウコク</t>
    </rPh>
    <rPh sb="8" eb="10">
      <t>ヨウシキ</t>
    </rPh>
    <rPh sb="15" eb="16">
      <t>ト</t>
    </rPh>
    <rPh sb="17" eb="18">
      <t>コ</t>
    </rPh>
    <phoneticPr fontId="1"/>
  </si>
  <si>
    <t>年度（4/1～3/31）</t>
    <rPh sb="0" eb="2">
      <t>ネンド</t>
    </rPh>
    <phoneticPr fontId="1"/>
  </si>
  <si>
    <t>うち非化石（任意）</t>
    <rPh sb="2" eb="3">
      <t>ヒ</t>
    </rPh>
    <rPh sb="3" eb="5">
      <t>カセキ</t>
    </rPh>
    <rPh sb="6" eb="8">
      <t>ニンイ</t>
    </rPh>
    <phoneticPr fontId="1"/>
  </si>
  <si>
    <t>うち非化石（任意）</t>
    <rPh sb="2" eb="3">
      <t>ヒ</t>
    </rPh>
    <rPh sb="3" eb="5">
      <t>カセキ</t>
    </rPh>
    <phoneticPr fontId="4"/>
  </si>
  <si>
    <t>うち非化石（任意）</t>
    <rPh sb="2" eb="3">
      <t>ヒ</t>
    </rPh>
    <rPh sb="3" eb="5">
      <t>カセキ</t>
    </rPh>
    <phoneticPr fontId="1"/>
  </si>
  <si>
    <t>うち非化石</t>
    <rPh sb="2" eb="3">
      <t>ヒ</t>
    </rPh>
    <rPh sb="3" eb="5">
      <t>カセキ</t>
    </rPh>
    <phoneticPr fontId="3"/>
  </si>
  <si>
    <t>供給事業者名</t>
  </si>
  <si>
    <t>調整後排出係数</t>
  </si>
  <si>
    <t>標準熱量</t>
    <phoneticPr fontId="1"/>
  </si>
  <si>
    <t>単位</t>
    <phoneticPr fontId="1"/>
  </si>
  <si>
    <t>t-CO2</t>
    <phoneticPr fontId="1"/>
  </si>
  <si>
    <t>国内認証排出削減量</t>
    <rPh sb="4" eb="6">
      <t>ハイシュツ</t>
    </rPh>
    <rPh sb="6" eb="8">
      <t>サクゲン</t>
    </rPh>
    <rPh sb="8" eb="9">
      <t>リョウ</t>
    </rPh>
    <phoneticPr fontId="1"/>
  </si>
  <si>
    <t>海外認証排出削減量（ＪＣＭクレジット）</t>
    <rPh sb="4" eb="6">
      <t>ハイシュツ</t>
    </rPh>
    <rPh sb="6" eb="8">
      <t>サクゲン</t>
    </rPh>
    <rPh sb="8" eb="9">
      <t>リョウ</t>
    </rPh>
    <phoneticPr fontId="1"/>
  </si>
  <si>
    <t>非化石電源二酸化炭素削減相当量</t>
    <rPh sb="0" eb="1">
      <t>ヒ</t>
    </rPh>
    <rPh sb="1" eb="3">
      <t>カセキ</t>
    </rPh>
    <rPh sb="3" eb="5">
      <t>デンゲン</t>
    </rPh>
    <rPh sb="5" eb="8">
      <t>ニサンカ</t>
    </rPh>
    <rPh sb="8" eb="10">
      <t>タンソ</t>
    </rPh>
    <rPh sb="10" eb="12">
      <t>サクゲン</t>
    </rPh>
    <rPh sb="12" eb="14">
      <t>ソウトウ</t>
    </rPh>
    <rPh sb="14" eb="15">
      <t>リョウ</t>
    </rPh>
    <phoneticPr fontId="2"/>
  </si>
  <si>
    <t>kWh</t>
    <phoneticPr fontId="1"/>
  </si>
  <si>
    <t>事業所数</t>
    <rPh sb="0" eb="2">
      <t>ジギョウ</t>
    </rPh>
    <rPh sb="2" eb="3">
      <t>ショ</t>
    </rPh>
    <rPh sb="3" eb="4">
      <t>スウ</t>
    </rPh>
    <phoneticPr fontId="1"/>
  </si>
  <si>
    <t>オフサイト型PPA(重み付けなし）</t>
    <rPh sb="5" eb="6">
      <t>ガタ</t>
    </rPh>
    <rPh sb="10" eb="11">
      <t>オモ</t>
    </rPh>
    <rPh sb="12" eb="13">
      <t>ヅ</t>
    </rPh>
    <phoneticPr fontId="4"/>
  </si>
  <si>
    <t>オフサイト型PPA(重み付けあり）</t>
    <rPh sb="5" eb="6">
      <t>ガタ</t>
    </rPh>
    <rPh sb="10" eb="11">
      <t>オモ</t>
    </rPh>
    <rPh sb="12" eb="13">
      <t>ヅ</t>
    </rPh>
    <phoneticPr fontId="4"/>
  </si>
  <si>
    <t>うち重み付け非化石</t>
    <rPh sb="2" eb="3">
      <t>オモ</t>
    </rPh>
    <rPh sb="4" eb="5">
      <t>ヅ</t>
    </rPh>
    <rPh sb="6" eb="7">
      <t>ヒ</t>
    </rPh>
    <rPh sb="7" eb="9">
      <t>カセキ</t>
    </rPh>
    <phoneticPr fontId="3"/>
  </si>
  <si>
    <t>その他の買電</t>
    <rPh sb="2" eb="3">
      <t>タ</t>
    </rPh>
    <rPh sb="4" eb="6">
      <t>カイデン</t>
    </rPh>
    <phoneticPr fontId="3"/>
  </si>
  <si>
    <t>横浜2</t>
    <rPh sb="0" eb="2">
      <t>ヨコハマ</t>
    </rPh>
    <phoneticPr fontId="2"/>
  </si>
  <si>
    <t>横浜1</t>
    <rPh sb="0" eb="2">
      <t>ヨコハマ</t>
    </rPh>
    <phoneticPr fontId="2"/>
  </si>
  <si>
    <t>県域2</t>
    <rPh sb="0" eb="2">
      <t>ケンイキ</t>
    </rPh>
    <phoneticPr fontId="2"/>
  </si>
  <si>
    <t>県域1</t>
    <rPh sb="0" eb="2">
      <t>ケンイキ</t>
    </rPh>
    <phoneticPr fontId="2"/>
  </si>
  <si>
    <t>エネルギー管理指定工場等1</t>
    <phoneticPr fontId="1"/>
  </si>
  <si>
    <t>エネルギー管理指定工場等2</t>
    <phoneticPr fontId="1"/>
  </si>
  <si>
    <t>川崎1</t>
    <rPh sb="0" eb="2">
      <t>カワサキ</t>
    </rPh>
    <phoneticPr fontId="2"/>
  </si>
  <si>
    <t>川崎2</t>
    <rPh sb="0" eb="2">
      <t>カワサキ</t>
    </rPh>
    <phoneticPr fontId="2"/>
  </si>
  <si>
    <t>&lt;神奈川県内の事業所・拠点抽出＞</t>
    <rPh sb="1" eb="4">
      <t>カナガワ</t>
    </rPh>
    <rPh sb="4" eb="6">
      <t>ケンナイ</t>
    </rPh>
    <rPh sb="7" eb="10">
      <t>ジギョウショ</t>
    </rPh>
    <rPh sb="11" eb="13">
      <t>キョテン</t>
    </rPh>
    <rPh sb="13" eb="15">
      <t>チュウシュツ</t>
    </rPh>
    <phoneticPr fontId="1"/>
  </si>
  <si>
    <t>&lt;神奈川県内の拠点の抽出及び分類&gt;</t>
    <rPh sb="1" eb="5">
      <t>カナガワケン</t>
    </rPh>
    <rPh sb="5" eb="6">
      <t>ナイ</t>
    </rPh>
    <rPh sb="7" eb="9">
      <t>キョテン</t>
    </rPh>
    <rPh sb="10" eb="12">
      <t>チュウシュツ</t>
    </rPh>
    <rPh sb="12" eb="13">
      <t>オヨ</t>
    </rPh>
    <rPh sb="14" eb="16">
      <t>ブンルイ</t>
    </rPh>
    <phoneticPr fontId="1"/>
  </si>
  <si>
    <t>生産数量又は建物延床面積、その他の温室効果ガス排出量と密接な関係を持つ値（原単位分母）の名称</t>
    <rPh sb="0" eb="2">
      <t>セイサン</t>
    </rPh>
    <rPh sb="2" eb="4">
      <t>スウリョウ</t>
    </rPh>
    <rPh sb="4" eb="5">
      <t>マタ</t>
    </rPh>
    <rPh sb="6" eb="8">
      <t>タテモノ</t>
    </rPh>
    <rPh sb="8" eb="12">
      <t>ノベユカメンセキ</t>
    </rPh>
    <rPh sb="15" eb="16">
      <t>タ</t>
    </rPh>
    <rPh sb="17" eb="19">
      <t>オンシツ</t>
    </rPh>
    <rPh sb="19" eb="21">
      <t>コウカ</t>
    </rPh>
    <rPh sb="23" eb="25">
      <t>ハイシュツ</t>
    </rPh>
    <rPh sb="25" eb="26">
      <t>リョウ</t>
    </rPh>
    <rPh sb="27" eb="29">
      <t>ミッセツ</t>
    </rPh>
    <rPh sb="30" eb="32">
      <t>カンケイ</t>
    </rPh>
    <rPh sb="33" eb="34">
      <t>モ</t>
    </rPh>
    <rPh sb="35" eb="36">
      <t>アタイ</t>
    </rPh>
    <rPh sb="37" eb="40">
      <t>ゲンタンイ</t>
    </rPh>
    <rPh sb="40" eb="42">
      <t>ブンボ</t>
    </rPh>
    <rPh sb="44" eb="46">
      <t>メイショウ</t>
    </rPh>
    <phoneticPr fontId="2"/>
  </si>
  <si>
    <t>原単位分母の単位</t>
    <rPh sb="0" eb="3">
      <t>ゲンタンイ</t>
    </rPh>
    <rPh sb="3" eb="5">
      <t>ブンボ</t>
    </rPh>
    <rPh sb="6" eb="8">
      <t>タンイ</t>
    </rPh>
    <phoneticPr fontId="2"/>
  </si>
  <si>
    <t>原単位分母の値</t>
    <rPh sb="0" eb="3">
      <t>ゲンタンイ</t>
    </rPh>
    <rPh sb="3" eb="5">
      <t>ブンボ</t>
    </rPh>
    <rPh sb="6" eb="7">
      <t>アタイ</t>
    </rPh>
    <phoneticPr fontId="1"/>
  </si>
  <si>
    <t>&lt;エネルギー使用量等及び排出係数等の抽出）&gt;</t>
    <rPh sb="6" eb="9">
      <t>シヨウリョウ</t>
    </rPh>
    <rPh sb="9" eb="10">
      <t>トウ</t>
    </rPh>
    <rPh sb="10" eb="11">
      <t>オヨ</t>
    </rPh>
    <rPh sb="12" eb="14">
      <t>ハイシュツ</t>
    </rPh>
    <rPh sb="14" eb="16">
      <t>ケイスウ</t>
    </rPh>
    <rPh sb="16" eb="17">
      <t>トウ</t>
    </rPh>
    <rPh sb="18" eb="20">
      <t>チュウシュツ</t>
    </rPh>
    <phoneticPr fontId="1"/>
  </si>
  <si>
    <t>&lt;拠点の分類&gt;</t>
    <rPh sb="1" eb="3">
      <t>キョテン</t>
    </rPh>
    <rPh sb="4" eb="6">
      <t>ブンルイ</t>
    </rPh>
    <phoneticPr fontId="1"/>
  </si>
  <si>
    <t>県域の削減量</t>
    <phoneticPr fontId="1"/>
  </si>
  <si>
    <t>K-01</t>
    <phoneticPr fontId="1"/>
  </si>
  <si>
    <t>法人・団体名等の事業者基礎情報を抽出する</t>
    <phoneticPr fontId="1"/>
  </si>
  <si>
    <t>計画書制度の報告様式に、法人・団体名等の事業者基礎情報を取り込むため</t>
    <rPh sb="0" eb="3">
      <t>ケイカクショ</t>
    </rPh>
    <rPh sb="3" eb="5">
      <t>セイド</t>
    </rPh>
    <rPh sb="6" eb="8">
      <t>ホウコク</t>
    </rPh>
    <rPh sb="8" eb="10">
      <t>ヨウシキ</t>
    </rPh>
    <rPh sb="28" eb="29">
      <t>ト</t>
    </rPh>
    <rPh sb="30" eb="31">
      <t>コ</t>
    </rPh>
    <phoneticPr fontId="1"/>
  </si>
  <si>
    <t>&lt;事業者基礎情報の抽出&gt;</t>
    <rPh sb="1" eb="3">
      <t>ジギョウ</t>
    </rPh>
    <rPh sb="3" eb="4">
      <t>シャ</t>
    </rPh>
    <rPh sb="4" eb="6">
      <t>キソ</t>
    </rPh>
    <rPh sb="6" eb="8">
      <t>ジョウホウ</t>
    </rPh>
    <rPh sb="9" eb="11">
      <t>チュウシュツ</t>
    </rPh>
    <phoneticPr fontId="1"/>
  </si>
  <si>
    <t>&lt;報告対象年度の抽出&gt;</t>
    <rPh sb="1" eb="7">
      <t>ホウコクタイショウネンド</t>
    </rPh>
    <rPh sb="8" eb="10">
      <t>チュウシュツ</t>
    </rPh>
    <phoneticPr fontId="1"/>
  </si>
  <si>
    <t>計画書制度の報告様式に、取り込むデータの範囲を決定するため</t>
    <rPh sb="0" eb="3">
      <t>ケイカクショ</t>
    </rPh>
    <rPh sb="3" eb="5">
      <t>セイド</t>
    </rPh>
    <rPh sb="6" eb="8">
      <t>ホウコク</t>
    </rPh>
    <rPh sb="8" eb="10">
      <t>ヨウシキ</t>
    </rPh>
    <rPh sb="12" eb="13">
      <t>ト</t>
    </rPh>
    <rPh sb="14" eb="15">
      <t>コ</t>
    </rPh>
    <rPh sb="20" eb="22">
      <t>ハンイ</t>
    </rPh>
    <rPh sb="23" eb="25">
      <t>ケッテイ</t>
    </rPh>
    <phoneticPr fontId="1"/>
  </si>
  <si>
    <t>K-01.01</t>
    <phoneticPr fontId="1"/>
  </si>
  <si>
    <t>K-01.02</t>
    <phoneticPr fontId="1"/>
  </si>
  <si>
    <t>K-01.02.01</t>
    <phoneticPr fontId="1"/>
  </si>
  <si>
    <t>K-01.01.01</t>
    <phoneticPr fontId="1"/>
  </si>
  <si>
    <t>K-02.01.02a</t>
  </si>
  <si>
    <t>K-02.01.02b</t>
  </si>
  <si>
    <t>K-02.01.03</t>
  </si>
  <si>
    <t>K-02.02.01</t>
  </si>
  <si>
    <t>K-02.02.03</t>
  </si>
  <si>
    <t>K-02.02.04</t>
  </si>
  <si>
    <t>K-02.02.05</t>
  </si>
  <si>
    <t>K-02.02.07</t>
  </si>
  <si>
    <t>K-02.02.08</t>
  </si>
  <si>
    <t>K-02.03.01</t>
  </si>
  <si>
    <t>K-01.03</t>
    <phoneticPr fontId="1"/>
  </si>
  <si>
    <t>K-01.03.01</t>
    <phoneticPr fontId="1"/>
  </si>
  <si>
    <t>K-01.03.02</t>
    <phoneticPr fontId="1"/>
  </si>
  <si>
    <t>K-01.03.03</t>
    <phoneticPr fontId="1"/>
  </si>
  <si>
    <t>国内クレジット</t>
    <phoneticPr fontId="1"/>
  </si>
  <si>
    <t>オフセット・クレジット</t>
    <phoneticPr fontId="1"/>
  </si>
  <si>
    <t>「事業者の住所又は主たる事務所の所在地」は、都道府県名から記載すること</t>
    <rPh sb="22" eb="26">
      <t>トドウフケン</t>
    </rPh>
    <rPh sb="26" eb="27">
      <t>メイ</t>
    </rPh>
    <rPh sb="29" eb="31">
      <t>キサイ</t>
    </rPh>
    <phoneticPr fontId="1"/>
  </si>
  <si>
    <t>排出量管理システムで管理されているエネルギー使用量等を計画書制度の報告様式に取り出すことで、報告作業負担の軽減を図るため</t>
    <rPh sb="10" eb="12">
      <t>カンリ</t>
    </rPh>
    <rPh sb="22" eb="25">
      <t>シヨウリョウ</t>
    </rPh>
    <rPh sb="25" eb="26">
      <t>トウ</t>
    </rPh>
    <rPh sb="27" eb="30">
      <t>ケイカクショ</t>
    </rPh>
    <rPh sb="30" eb="32">
      <t>セイド</t>
    </rPh>
    <rPh sb="33" eb="35">
      <t>ホウコク</t>
    </rPh>
    <rPh sb="35" eb="37">
      <t>ヨウシキ</t>
    </rPh>
    <rPh sb="38" eb="39">
      <t>ト</t>
    </rPh>
    <rPh sb="40" eb="41">
      <t>ダ</t>
    </rPh>
    <rPh sb="46" eb="48">
      <t>ホウコク</t>
    </rPh>
    <rPh sb="48" eb="50">
      <t>サギョウ</t>
    </rPh>
    <rPh sb="50" eb="52">
      <t>フタン</t>
    </rPh>
    <rPh sb="53" eb="55">
      <t>ケイゲン</t>
    </rPh>
    <rPh sb="56" eb="57">
      <t>ハカ</t>
    </rPh>
    <phoneticPr fontId="1"/>
  </si>
  <si>
    <t>事業者基礎情報を抽出し、報告作業負担の軽減を図るとともに、抽出データを指定するため</t>
    <rPh sb="8" eb="10">
      <t>チュウシュツ</t>
    </rPh>
    <rPh sb="12" eb="14">
      <t>ホウコク</t>
    </rPh>
    <rPh sb="29" eb="31">
      <t>チュウシュツ</t>
    </rPh>
    <rPh sb="35" eb="37">
      <t>シテイ</t>
    </rPh>
    <phoneticPr fontId="1"/>
  </si>
  <si>
    <t>排出量管理システムで管理されているクレジット等の情報を計画書制度の報告様式に取り出すことで、報告作業負担の軽減を図るため</t>
    <rPh sb="0" eb="3">
      <t>ハイシュツリョウ</t>
    </rPh>
    <rPh sb="3" eb="5">
      <t>カンリ</t>
    </rPh>
    <rPh sb="10" eb="12">
      <t>カンリ</t>
    </rPh>
    <rPh sb="22" eb="23">
      <t>トウ</t>
    </rPh>
    <rPh sb="24" eb="26">
      <t>ジョウホウ</t>
    </rPh>
    <rPh sb="46" eb="48">
      <t>ホウコク</t>
    </rPh>
    <phoneticPr fontId="1"/>
  </si>
  <si>
    <t>計画書制度の報告様式に取り出すことで、報告作業負担の軽減を図るため</t>
    <rPh sb="19" eb="21">
      <t>ホウコク</t>
    </rPh>
    <phoneticPr fontId="1"/>
  </si>
  <si>
    <t>排出量管理システムに入力された拠点から、ユーザーが県域、横浜市内及び川崎市内の拠点を選択し、抽出する</t>
    <rPh sb="10" eb="12">
      <t>ニュウリョク</t>
    </rPh>
    <rPh sb="15" eb="17">
      <t>キョテン</t>
    </rPh>
    <rPh sb="25" eb="27">
      <t>ケンイキ</t>
    </rPh>
    <rPh sb="28" eb="31">
      <t>ヨコハマシ</t>
    </rPh>
    <rPh sb="31" eb="32">
      <t>ナイ</t>
    </rPh>
    <rPh sb="32" eb="33">
      <t>オヨ</t>
    </rPh>
    <rPh sb="34" eb="37">
      <t>カワサキシ</t>
    </rPh>
    <rPh sb="37" eb="38">
      <t>ナイ</t>
    </rPh>
    <rPh sb="39" eb="41">
      <t>キョテン</t>
    </rPh>
    <rPh sb="42" eb="44">
      <t>センタク</t>
    </rPh>
    <phoneticPr fontId="1"/>
  </si>
  <si>
    <t>排出量管理システムに入力された拠点の所在地情報から神奈川県内の拠点を判定し、抽出する</t>
    <rPh sb="0" eb="2">
      <t>ハイシュツ</t>
    </rPh>
    <rPh sb="2" eb="3">
      <t>リョウ</t>
    </rPh>
    <rPh sb="3" eb="5">
      <t>カンリ</t>
    </rPh>
    <rPh sb="10" eb="12">
      <t>ニュウリョク</t>
    </rPh>
    <rPh sb="15" eb="17">
      <t>キョテン</t>
    </rPh>
    <rPh sb="18" eb="21">
      <t>ショザイチ</t>
    </rPh>
    <rPh sb="21" eb="23">
      <t>ジョウホウ</t>
    </rPh>
    <rPh sb="25" eb="29">
      <t>カナガワケン</t>
    </rPh>
    <rPh sb="29" eb="30">
      <t>ナイ</t>
    </rPh>
    <rPh sb="31" eb="33">
      <t>キョテン</t>
    </rPh>
    <rPh sb="34" eb="36">
      <t>ハンテイ</t>
    </rPh>
    <phoneticPr fontId="1"/>
  </si>
  <si>
    <t>排出量管理システムで管理されているエネルギー使用量等及び排出係数等を計画書制度の報告様式に取り出すため</t>
    <rPh sb="0" eb="5">
      <t>ハイシュツリョウカンリ</t>
    </rPh>
    <rPh sb="10" eb="12">
      <t>カンリ</t>
    </rPh>
    <rPh sb="22" eb="25">
      <t>シヨウリョウ</t>
    </rPh>
    <rPh sb="25" eb="26">
      <t>トウ</t>
    </rPh>
    <rPh sb="26" eb="27">
      <t>オヨ</t>
    </rPh>
    <rPh sb="28" eb="30">
      <t>ハイシュツ</t>
    </rPh>
    <rPh sb="30" eb="32">
      <t>ケイスウ</t>
    </rPh>
    <rPh sb="32" eb="33">
      <t>トウ</t>
    </rPh>
    <rPh sb="34" eb="37">
      <t>ケイカクショ</t>
    </rPh>
    <rPh sb="37" eb="39">
      <t>セイド</t>
    </rPh>
    <rPh sb="40" eb="42">
      <t>ホウコク</t>
    </rPh>
    <rPh sb="42" eb="44">
      <t>ヨウシキ</t>
    </rPh>
    <rPh sb="45" eb="46">
      <t>ト</t>
    </rPh>
    <rPh sb="47" eb="48">
      <t>ダ</t>
    </rPh>
    <phoneticPr fontId="1"/>
  </si>
  <si>
    <t>&lt;排出係数等の抽出&gt;</t>
    <rPh sb="1" eb="3">
      <t>ハイシュツ</t>
    </rPh>
    <rPh sb="3" eb="5">
      <t>ケイスウ</t>
    </rPh>
    <rPh sb="5" eb="6">
      <t>トウ</t>
    </rPh>
    <rPh sb="7" eb="9">
      <t>チュウシュツ</t>
    </rPh>
    <phoneticPr fontId="1"/>
  </si>
  <si>
    <t>抽出した各拠点の「事業所名」及び「所在地」を抽出する</t>
    <rPh sb="9" eb="11">
      <t>ジギョウ</t>
    </rPh>
    <rPh sb="11" eb="12">
      <t>ショ</t>
    </rPh>
    <rPh sb="12" eb="13">
      <t>メイ</t>
    </rPh>
    <rPh sb="14" eb="15">
      <t>オヨ</t>
    </rPh>
    <rPh sb="17" eb="20">
      <t>ショザイチ</t>
    </rPh>
    <rPh sb="22" eb="24">
      <t>チュウシュツ</t>
    </rPh>
    <phoneticPr fontId="1"/>
  </si>
  <si>
    <t>神奈川県内の工場、事業所等におけるエネルギー使用量等及び排出係数等を抽出し、出力様式の形に出力する</t>
    <rPh sb="0" eb="4">
      <t>カナガワケン</t>
    </rPh>
    <rPh sb="4" eb="5">
      <t>ナイ</t>
    </rPh>
    <rPh sb="6" eb="8">
      <t>コウジョウ</t>
    </rPh>
    <rPh sb="9" eb="12">
      <t>ジギョウショ</t>
    </rPh>
    <rPh sb="12" eb="13">
      <t>トウ</t>
    </rPh>
    <rPh sb="22" eb="25">
      <t>シヨウリョウ</t>
    </rPh>
    <rPh sb="25" eb="26">
      <t>トウ</t>
    </rPh>
    <rPh sb="26" eb="27">
      <t>オヨ</t>
    </rPh>
    <rPh sb="28" eb="30">
      <t>ハイシュツ</t>
    </rPh>
    <rPh sb="30" eb="32">
      <t>ケイスウ</t>
    </rPh>
    <rPh sb="32" eb="33">
      <t>トウ</t>
    </rPh>
    <rPh sb="34" eb="36">
      <t>チュウシュツ</t>
    </rPh>
    <rPh sb="38" eb="40">
      <t>シュツリョク</t>
    </rPh>
    <rPh sb="40" eb="42">
      <t>ヨウシキ</t>
    </rPh>
    <rPh sb="43" eb="44">
      <t>カタチ</t>
    </rPh>
    <rPh sb="45" eb="47">
      <t>シュツリョク</t>
    </rPh>
    <phoneticPr fontId="1"/>
  </si>
  <si>
    <t>事業者基礎情報及び報告対象年度を出力様式にあわせて出力する</t>
    <rPh sb="0" eb="2">
      <t>ジギョウ</t>
    </rPh>
    <rPh sb="2" eb="3">
      <t>シャ</t>
    </rPh>
    <rPh sb="3" eb="5">
      <t>キソ</t>
    </rPh>
    <rPh sb="5" eb="7">
      <t>ジョウホウ</t>
    </rPh>
    <rPh sb="7" eb="8">
      <t>オヨ</t>
    </rPh>
    <rPh sb="9" eb="11">
      <t>ホウコク</t>
    </rPh>
    <rPh sb="11" eb="13">
      <t>タイショウ</t>
    </rPh>
    <rPh sb="13" eb="15">
      <t>ネンド</t>
    </rPh>
    <rPh sb="16" eb="18">
      <t>シュツリョク</t>
    </rPh>
    <rPh sb="18" eb="20">
      <t>ヨウシキ</t>
    </rPh>
    <rPh sb="25" eb="27">
      <t>シュツリョク</t>
    </rPh>
    <phoneticPr fontId="1"/>
  </si>
  <si>
    <t>※排出量管理システムに入力のない項目について、ユーザーが手入力する
（出力前後いずれか必要に応じて）</t>
    <rPh sb="35" eb="37">
      <t>シュツリョク</t>
    </rPh>
    <rPh sb="37" eb="39">
      <t>ゼンゴ</t>
    </rPh>
    <rPh sb="43" eb="45">
      <t>ヒツヨウ</t>
    </rPh>
    <rPh sb="46" eb="47">
      <t>オウ</t>
    </rPh>
    <phoneticPr fontId="1"/>
  </si>
  <si>
    <t>抽出した事業者基礎情報及び指定した報告対象年度を出力様式の指定のセルに出力する</t>
    <rPh sb="0" eb="2">
      <t>チュウシュツ</t>
    </rPh>
    <rPh sb="11" eb="12">
      <t>オヨ</t>
    </rPh>
    <rPh sb="13" eb="15">
      <t>シテイ</t>
    </rPh>
    <rPh sb="17" eb="23">
      <t>ホウコクタイショウネンド</t>
    </rPh>
    <rPh sb="24" eb="26">
      <t>シュツリョク</t>
    </rPh>
    <rPh sb="26" eb="28">
      <t>ヨウシキ</t>
    </rPh>
    <rPh sb="29" eb="31">
      <t>シテイ</t>
    </rPh>
    <phoneticPr fontId="1"/>
  </si>
  <si>
    <t>※排出量管理システムに入力のない項目については、出力後にユーザーが手入力する
（出力前後いずれか必要に応じて）</t>
  </si>
  <si>
    <t>抽出・分類した拠点ごとに、エネルギー使用量等及び排出係数等を抽出する</t>
    <rPh sb="0" eb="2">
      <t>チュウシュツ</t>
    </rPh>
    <rPh sb="3" eb="5">
      <t>ブンルイ</t>
    </rPh>
    <rPh sb="7" eb="9">
      <t>キョテン</t>
    </rPh>
    <rPh sb="18" eb="21">
      <t>シヨウリョウ</t>
    </rPh>
    <rPh sb="21" eb="22">
      <t>トウ</t>
    </rPh>
    <rPh sb="22" eb="23">
      <t>オヨ</t>
    </rPh>
    <rPh sb="24" eb="26">
      <t>ハイシュツ</t>
    </rPh>
    <rPh sb="26" eb="28">
      <t>ケイスウ</t>
    </rPh>
    <rPh sb="28" eb="29">
      <t>トウ</t>
    </rPh>
    <rPh sb="30" eb="32">
      <t>チュウシュツ</t>
    </rPh>
    <phoneticPr fontId="1"/>
  </si>
  <si>
    <t>抽出した各拠点のエネルギー種類別「使用量」を抽出する</t>
    <rPh sb="0" eb="2">
      <t>チュウシュツ</t>
    </rPh>
    <rPh sb="4" eb="5">
      <t>カク</t>
    </rPh>
    <rPh sb="5" eb="7">
      <t>キョテン</t>
    </rPh>
    <rPh sb="13" eb="15">
      <t>シュルイ</t>
    </rPh>
    <rPh sb="15" eb="16">
      <t>ベツ</t>
    </rPh>
    <rPh sb="17" eb="20">
      <t>シヨウリョウ</t>
    </rPh>
    <rPh sb="22" eb="24">
      <t>チュウシュツ</t>
    </rPh>
    <phoneticPr fontId="1"/>
  </si>
  <si>
    <t>抽出した各拠点の「生産数量又は建物延床面積、その他の温室効果ガス排出量と密接な関係を持つ値（原単位分母）の名称」、「原単位分母の単位」「原単位分母の値」を抽出する</t>
    <rPh sb="77" eb="79">
      <t>チュウシュツ</t>
    </rPh>
    <phoneticPr fontId="1"/>
  </si>
  <si>
    <t>抽出したエネルギー使用量等及び排出係数等について、分類別に出力様式にあわせて出力する</t>
    <rPh sb="0" eb="2">
      <t>チュウシュツ</t>
    </rPh>
    <rPh sb="9" eb="12">
      <t>シヨウリョウ</t>
    </rPh>
    <rPh sb="12" eb="13">
      <t>トウ</t>
    </rPh>
    <rPh sb="13" eb="14">
      <t>オヨ</t>
    </rPh>
    <rPh sb="15" eb="17">
      <t>ハイシュツ</t>
    </rPh>
    <rPh sb="17" eb="19">
      <t>ケイスウ</t>
    </rPh>
    <rPh sb="19" eb="20">
      <t>トウ</t>
    </rPh>
    <rPh sb="25" eb="27">
      <t>ブンルイ</t>
    </rPh>
    <rPh sb="27" eb="28">
      <t>ベツ</t>
    </rPh>
    <rPh sb="29" eb="31">
      <t>シュツリョク</t>
    </rPh>
    <rPh sb="31" eb="33">
      <t>ヨウシキ</t>
    </rPh>
    <rPh sb="38" eb="40">
      <t>シュツリョク</t>
    </rPh>
    <phoneticPr fontId="1"/>
  </si>
  <si>
    <t>次のように拠点ごとに付番し、それぞれ抽出したエネルギー使用量等及び排出係数等を出力様式にあわせて、表形式で出力する
①県域のエネルギー管理指定工場等：「エネルギー管理指定工場等＋半角数字（エネルギー管理指定工場等1,エネルギー管理指定工場等2…)」
②県域の非エネルギー管理指定工場等：「県域＋半角数字（県域1,県域2…)」
③横浜市内の拠点：「横浜＋半角数字（横浜1,横浜2…）」
④川崎市内の拠点：「川崎＋半角数字（川崎1,川崎2…）」</t>
    <rPh sb="0" eb="1">
      <t>ツギ</t>
    </rPh>
    <rPh sb="5" eb="7">
      <t>キョテン</t>
    </rPh>
    <rPh sb="18" eb="20">
      <t>チュウシュツ</t>
    </rPh>
    <rPh sb="31" eb="32">
      <t>オヨ</t>
    </rPh>
    <rPh sb="33" eb="35">
      <t>ハイシュツ</t>
    </rPh>
    <rPh sb="35" eb="37">
      <t>ケイスウ</t>
    </rPh>
    <rPh sb="37" eb="38">
      <t>トウ</t>
    </rPh>
    <rPh sb="39" eb="41">
      <t>シュツリョク</t>
    </rPh>
    <rPh sb="41" eb="43">
      <t>ヨウシキ</t>
    </rPh>
    <rPh sb="49" eb="52">
      <t>ヒョウケイシキ</t>
    </rPh>
    <rPh sb="141" eb="142">
      <t>トウ</t>
    </rPh>
    <phoneticPr fontId="1"/>
  </si>
  <si>
    <t>システムに入力されたクレジット等の取得量等を抽出する</t>
    <rPh sb="5" eb="7">
      <t>ニュウリョク</t>
    </rPh>
    <rPh sb="15" eb="16">
      <t>トウ</t>
    </rPh>
    <rPh sb="22" eb="24">
      <t>チュウシュツ</t>
    </rPh>
    <phoneticPr fontId="1"/>
  </si>
  <si>
    <t>K-01～03までで出力様式に抽出したデータ（エネルギー種別のエネルギー使用量等、排出係数等、クレジット等）を保存する</t>
    <rPh sb="15" eb="17">
      <t>チュウシュツ</t>
    </rPh>
    <rPh sb="55" eb="57">
      <t>ホゾン</t>
    </rPh>
    <phoneticPr fontId="1"/>
  </si>
  <si>
    <t>K-01～03までで抽出・出力したデータを保存する</t>
    <rPh sb="10" eb="12">
      <t>チュウシュツ</t>
    </rPh>
    <rPh sb="13" eb="15">
      <t>シュツリョク</t>
    </rPh>
    <rPh sb="21" eb="23">
      <t>ホゾン</t>
    </rPh>
    <phoneticPr fontId="1"/>
  </si>
  <si>
    <t>K-01～03において、データを抽出・出力した出力様式ファイルをMicrosoftExcel(xlsx)形式又はCSV(コンマ区切り）形式で保存する</t>
    <rPh sb="16" eb="18">
      <t>チュウシュツ</t>
    </rPh>
    <rPh sb="19" eb="21">
      <t>シュツリョク</t>
    </rPh>
    <rPh sb="23" eb="25">
      <t>シュツリョク</t>
    </rPh>
    <rPh sb="25" eb="27">
      <t>ヨウシキ</t>
    </rPh>
    <phoneticPr fontId="1"/>
  </si>
  <si>
    <t>千m3</t>
  </si>
  <si>
    <t>tC/GJ</t>
  </si>
  <si>
    <t>GJ</t>
  </si>
  <si>
    <t>kl</t>
  </si>
  <si>
    <t>排出係数等</t>
    <rPh sb="0" eb="2">
      <t>ハイシュツ</t>
    </rPh>
    <rPh sb="2" eb="4">
      <t>ケイスウ</t>
    </rPh>
    <rPh sb="4" eb="5">
      <t>トウ</t>
    </rPh>
    <phoneticPr fontId="1"/>
  </si>
  <si>
    <t>グリーンエネルギーCO2削減相当量</t>
    <phoneticPr fontId="1"/>
  </si>
  <si>
    <r>
      <t>法人・団体名等の事業者基礎情報を抽出するとともに、データ</t>
    </r>
    <r>
      <rPr>
        <sz val="12"/>
        <rFont val="ＭＳ 明朝"/>
        <family val="1"/>
        <charset val="128"/>
      </rPr>
      <t>の抽出対象となる</t>
    </r>
    <r>
      <rPr>
        <sz val="12"/>
        <rFont val="ＭＳ 明朝"/>
        <family val="2"/>
        <charset val="128"/>
      </rPr>
      <t>年度（報告対象年度）を指定する</t>
    </r>
    <rPh sb="0" eb="2">
      <t>ホウジン</t>
    </rPh>
    <rPh sb="3" eb="5">
      <t>ダンタイ</t>
    </rPh>
    <rPh sb="5" eb="6">
      <t>メイ</t>
    </rPh>
    <rPh sb="6" eb="7">
      <t>トウ</t>
    </rPh>
    <rPh sb="8" eb="10">
      <t>ジギョウ</t>
    </rPh>
    <rPh sb="10" eb="11">
      <t>シャ</t>
    </rPh>
    <rPh sb="11" eb="13">
      <t>キソ</t>
    </rPh>
    <rPh sb="13" eb="15">
      <t>ジョウホウ</t>
    </rPh>
    <rPh sb="16" eb="18">
      <t>チュウシュツ</t>
    </rPh>
    <rPh sb="31" eb="33">
      <t>タイショウ</t>
    </rPh>
    <phoneticPr fontId="1"/>
  </si>
  <si>
    <r>
      <t>データ</t>
    </r>
    <r>
      <rPr>
        <sz val="12"/>
        <rFont val="ＭＳ 明朝"/>
        <family val="1"/>
        <charset val="128"/>
      </rPr>
      <t>の抽出対象となる</t>
    </r>
    <r>
      <rPr>
        <sz val="12"/>
        <rFont val="ＭＳ 明朝"/>
        <family val="2"/>
        <charset val="128"/>
      </rPr>
      <t>年度（報告対象年度）を指定する</t>
    </r>
    <phoneticPr fontId="1"/>
  </si>
  <si>
    <r>
      <t>報告対象年度は、４月１日から翌３月31日</t>
    </r>
    <r>
      <rPr>
        <sz val="12"/>
        <rFont val="ＭＳ 明朝"/>
        <family val="1"/>
        <charset val="128"/>
      </rPr>
      <t>とし</t>
    </r>
    <r>
      <rPr>
        <sz val="12"/>
        <rFont val="ＭＳ 明朝"/>
        <family val="2"/>
        <charset val="128"/>
      </rPr>
      <t>、西暦（4桁）表記とする</t>
    </r>
    <rPh sb="0" eb="2">
      <t>ホウコク</t>
    </rPh>
    <rPh sb="2" eb="4">
      <t>タイショウ</t>
    </rPh>
    <rPh sb="4" eb="6">
      <t>ネンド</t>
    </rPh>
    <rPh sb="9" eb="10">
      <t>ガツ</t>
    </rPh>
    <rPh sb="11" eb="12">
      <t>ニチ</t>
    </rPh>
    <rPh sb="14" eb="15">
      <t>ヨク</t>
    </rPh>
    <rPh sb="16" eb="17">
      <t>ガツ</t>
    </rPh>
    <rPh sb="19" eb="20">
      <t>ニチ</t>
    </rPh>
    <rPh sb="23" eb="25">
      <t>セイレキ</t>
    </rPh>
    <rPh sb="27" eb="28">
      <t>ケタ</t>
    </rPh>
    <rPh sb="29" eb="31">
      <t>ヒョウキ</t>
    </rPh>
    <phoneticPr fontId="1"/>
  </si>
  <si>
    <r>
      <t>以降の処理で、データ</t>
    </r>
    <r>
      <rPr>
        <sz val="12"/>
        <rFont val="ＭＳ 明朝"/>
        <family val="1"/>
        <charset val="128"/>
      </rPr>
      <t>の抽出対象となる</t>
    </r>
    <r>
      <rPr>
        <sz val="12"/>
        <rFont val="ＭＳ 明朝"/>
        <family val="2"/>
        <charset val="128"/>
      </rPr>
      <t>年度（報告対象年度）を指定する</t>
    </r>
    <rPh sb="0" eb="2">
      <t>イコウ</t>
    </rPh>
    <rPh sb="3" eb="5">
      <t>ショリ</t>
    </rPh>
    <rPh sb="18" eb="20">
      <t>ネンド</t>
    </rPh>
    <rPh sb="21" eb="23">
      <t>ホウコク</t>
    </rPh>
    <rPh sb="23" eb="25">
      <t>タイショウ</t>
    </rPh>
    <rPh sb="25" eb="27">
      <t>ネンド</t>
    </rPh>
    <rPh sb="29" eb="31">
      <t>シテイ</t>
    </rPh>
    <phoneticPr fontId="1"/>
  </si>
  <si>
    <r>
      <t>神奈川県内の工場、事業所等におけるエネルギー種別のエネルギー使用量等を抽出するため、排出量管理システムに入力・管理されている拠点から、神奈川県内の拠点を抽出し、「県域のエネルギー管理指定工場等」、「県域の非エネルギー管理指定工場等」、「横浜市内</t>
    </r>
    <r>
      <rPr>
        <sz val="12"/>
        <rFont val="ＭＳ 明朝"/>
        <family val="1"/>
        <charset val="128"/>
      </rPr>
      <t>（非エネルギー管理指定工場等含む全事業所）</t>
    </r>
    <r>
      <rPr>
        <sz val="12"/>
        <rFont val="ＭＳ 明朝"/>
        <family val="2"/>
        <charset val="128"/>
      </rPr>
      <t>」及び「川崎市内</t>
    </r>
    <r>
      <rPr>
        <sz val="12"/>
        <rFont val="ＭＳ 明朝"/>
        <family val="1"/>
        <charset val="128"/>
      </rPr>
      <t>（非エネルギー管理指定工場等含む全事業所）</t>
    </r>
    <r>
      <rPr>
        <sz val="12"/>
        <rFont val="ＭＳ 明朝"/>
        <family val="2"/>
        <charset val="128"/>
      </rPr>
      <t>」に分類する</t>
    </r>
    <rPh sb="0" eb="3">
      <t>カナガワ</t>
    </rPh>
    <rPh sb="3" eb="5">
      <t>ケンナイ</t>
    </rPh>
    <rPh sb="22" eb="24">
      <t>シュベツ</t>
    </rPh>
    <rPh sb="30" eb="33">
      <t>シヨウリョウ</t>
    </rPh>
    <rPh sb="33" eb="34">
      <t>トウ</t>
    </rPh>
    <rPh sb="35" eb="37">
      <t>チュウシュツ</t>
    </rPh>
    <rPh sb="42" eb="47">
      <t>ハイシュツリョウカンリ</t>
    </rPh>
    <rPh sb="52" eb="54">
      <t>ニュウリョク</t>
    </rPh>
    <rPh sb="55" eb="57">
      <t>カンリ</t>
    </rPh>
    <rPh sb="62" eb="64">
      <t>キョテン</t>
    </rPh>
    <rPh sb="67" eb="70">
      <t>カナガワ</t>
    </rPh>
    <rPh sb="70" eb="72">
      <t>ケンナイ</t>
    </rPh>
    <rPh sb="73" eb="75">
      <t>キョテン</t>
    </rPh>
    <rPh sb="76" eb="78">
      <t>チュウシュツ</t>
    </rPh>
    <phoneticPr fontId="1"/>
  </si>
  <si>
    <r>
      <t>排出量管理システムで管理されているエネルギー使用量等について、「県域のエネルギー管理指定工場等」、「県域の非エネルギー管理指定工場等」、「横浜市内</t>
    </r>
    <r>
      <rPr>
        <sz val="12"/>
        <rFont val="ＭＳ 明朝"/>
        <family val="1"/>
        <charset val="128"/>
      </rPr>
      <t>（非エネルギー管理指定工場等含む全事業所）</t>
    </r>
    <r>
      <rPr>
        <sz val="12"/>
        <rFont val="ＭＳ 明朝"/>
        <family val="2"/>
        <charset val="128"/>
      </rPr>
      <t>」及び「川崎市内</t>
    </r>
    <r>
      <rPr>
        <sz val="12"/>
        <rFont val="ＭＳ 明朝"/>
        <family val="1"/>
        <charset val="128"/>
      </rPr>
      <t>（非エネルギー管理指定工場等含む全事業所）</t>
    </r>
    <r>
      <rPr>
        <sz val="12"/>
        <rFont val="ＭＳ 明朝"/>
        <family val="2"/>
        <charset val="128"/>
      </rPr>
      <t>」の分類ごとに取り出すため</t>
    </r>
    <rPh sb="0" eb="5">
      <t>ハイシュツリョウカンリ</t>
    </rPh>
    <rPh sb="10" eb="12">
      <t>カンリ</t>
    </rPh>
    <rPh sb="22" eb="25">
      <t>シヨウリョウ</t>
    </rPh>
    <rPh sb="25" eb="26">
      <t>トウ</t>
    </rPh>
    <rPh sb="125" eb="127">
      <t>ブンルイ</t>
    </rPh>
    <rPh sb="130" eb="131">
      <t>ト</t>
    </rPh>
    <rPh sb="132" eb="133">
      <t>ダ</t>
    </rPh>
    <phoneticPr fontId="1"/>
  </si>
  <si>
    <r>
      <t>&lt;エネルギー管理指定工場</t>
    </r>
    <r>
      <rPr>
        <sz val="12"/>
        <rFont val="ＭＳ 明朝"/>
        <family val="1"/>
        <charset val="128"/>
      </rPr>
      <t>等</t>
    </r>
    <r>
      <rPr>
        <sz val="12"/>
        <rFont val="ＭＳ 明朝"/>
        <family val="2"/>
        <charset val="128"/>
      </rPr>
      <t>の抽出&gt;</t>
    </r>
    <rPh sb="6" eb="12">
      <t>カンリシテイコウジョウ</t>
    </rPh>
    <rPh sb="12" eb="13">
      <t>トウ</t>
    </rPh>
    <rPh sb="14" eb="16">
      <t>チュウシュツ</t>
    </rPh>
    <phoneticPr fontId="1"/>
  </si>
  <si>
    <r>
      <t>県域の拠点について、エネルギー管理指定工場</t>
    </r>
    <r>
      <rPr>
        <sz val="12"/>
        <rFont val="ＭＳ 明朝"/>
        <family val="1"/>
        <charset val="128"/>
      </rPr>
      <t>等</t>
    </r>
    <r>
      <rPr>
        <sz val="12"/>
        <rFont val="ＭＳ 明朝"/>
        <family val="2"/>
        <charset val="128"/>
      </rPr>
      <t>のフラグ情報が排出量管理システム上にすでにある場合は、同フラグによりエネルギー管理指定工場</t>
    </r>
    <r>
      <rPr>
        <sz val="12"/>
        <rFont val="ＭＳ 明朝"/>
        <family val="1"/>
        <charset val="128"/>
      </rPr>
      <t>等</t>
    </r>
    <r>
      <rPr>
        <sz val="12"/>
        <rFont val="ＭＳ 明朝"/>
        <family val="2"/>
        <charset val="128"/>
      </rPr>
      <t>かどうかを判定する</t>
    </r>
    <rPh sb="0" eb="2">
      <t>ケンイキ</t>
    </rPh>
    <rPh sb="3" eb="5">
      <t>キョテン</t>
    </rPh>
    <rPh sb="15" eb="17">
      <t>カンリ</t>
    </rPh>
    <rPh sb="17" eb="19">
      <t>シテイ</t>
    </rPh>
    <rPh sb="19" eb="21">
      <t>コウジョウ</t>
    </rPh>
    <rPh sb="21" eb="22">
      <t>トウ</t>
    </rPh>
    <rPh sb="26" eb="28">
      <t>ジョウホウ</t>
    </rPh>
    <rPh sb="29" eb="34">
      <t>ハイシュツリョウカンリ</t>
    </rPh>
    <rPh sb="38" eb="39">
      <t>ジョウ</t>
    </rPh>
    <rPh sb="45" eb="47">
      <t>バアイ</t>
    </rPh>
    <rPh sb="49" eb="50">
      <t>ドウ</t>
    </rPh>
    <rPh sb="67" eb="68">
      <t>トウ</t>
    </rPh>
    <rPh sb="73" eb="75">
      <t>ハンテイ</t>
    </rPh>
    <phoneticPr fontId="1"/>
  </si>
  <si>
    <r>
      <t>県域の拠点について、エネルギー使用量等から、</t>
    </r>
    <r>
      <rPr>
        <sz val="12"/>
        <rFont val="ＭＳ 明朝"/>
        <family val="1"/>
        <charset val="128"/>
      </rPr>
      <t>年間の</t>
    </r>
    <r>
      <rPr>
        <sz val="12"/>
        <rFont val="ＭＳ 明朝"/>
        <family val="2"/>
        <charset val="128"/>
      </rPr>
      <t>原油換算エネルギー使用量</t>
    </r>
    <r>
      <rPr>
        <sz val="12"/>
        <rFont val="ＭＳ 明朝"/>
        <family val="1"/>
        <charset val="128"/>
      </rPr>
      <t>が</t>
    </r>
    <r>
      <rPr>
        <sz val="12"/>
        <rFont val="ＭＳ 明朝"/>
        <family val="2"/>
        <charset val="128"/>
      </rPr>
      <t>1,500kL以上の拠点をエネルギー管理指定工場</t>
    </r>
    <r>
      <rPr>
        <sz val="12"/>
        <rFont val="ＭＳ 明朝"/>
        <family val="1"/>
        <charset val="128"/>
      </rPr>
      <t>等</t>
    </r>
    <r>
      <rPr>
        <sz val="12"/>
        <rFont val="ＭＳ 明朝"/>
        <family val="2"/>
        <charset val="128"/>
      </rPr>
      <t>として判定する</t>
    </r>
    <rPh sb="22" eb="24">
      <t>ネンカン</t>
    </rPh>
    <rPh sb="25" eb="27">
      <t>ゲンユ</t>
    </rPh>
    <rPh sb="27" eb="29">
      <t>カンザン</t>
    </rPh>
    <rPh sb="34" eb="37">
      <t>シヨウリョウ</t>
    </rPh>
    <rPh sb="62" eb="63">
      <t>トウ</t>
    </rPh>
    <rPh sb="66" eb="68">
      <t>ハンテイ</t>
    </rPh>
    <phoneticPr fontId="1"/>
  </si>
  <si>
    <r>
      <t>抽出した拠点を「県域のエネルギー管理指定工場等」、「県域の非エネルギー管理指定工場等」、「横浜市内</t>
    </r>
    <r>
      <rPr>
        <sz val="12"/>
        <rFont val="ＭＳ 明朝"/>
        <family val="1"/>
        <charset val="128"/>
      </rPr>
      <t>（非エネルギー管理指定工場等含む全事業所）</t>
    </r>
    <r>
      <rPr>
        <sz val="12"/>
        <rFont val="ＭＳ 明朝"/>
        <family val="2"/>
        <charset val="128"/>
      </rPr>
      <t>」及び「川崎市内</t>
    </r>
    <r>
      <rPr>
        <sz val="12"/>
        <rFont val="ＭＳ 明朝"/>
        <family val="1"/>
        <charset val="128"/>
      </rPr>
      <t>（非エネルギー管理指定工場等含む全事業所）</t>
    </r>
    <r>
      <rPr>
        <sz val="12"/>
        <rFont val="ＭＳ 明朝"/>
        <family val="2"/>
        <charset val="128"/>
      </rPr>
      <t>」に分類する</t>
    </r>
    <rPh sb="0" eb="2">
      <t>チュウシュツ</t>
    </rPh>
    <rPh sb="4" eb="6">
      <t>キョテン</t>
    </rPh>
    <rPh sb="101" eb="103">
      <t>ブンルイ</t>
    </rPh>
    <phoneticPr fontId="1"/>
  </si>
  <si>
    <r>
      <t>抽出した各拠点のエネルギー種類別</t>
    </r>
    <r>
      <rPr>
        <sz val="12"/>
        <rFont val="ＭＳ 明朝"/>
        <family val="1"/>
        <charset val="128"/>
      </rPr>
      <t>「外部供給」（他者に供給する熱・電気を発生させるために使用した燃料の使用量）</t>
    </r>
    <r>
      <rPr>
        <sz val="12"/>
        <rFont val="ＭＳ 明朝"/>
        <family val="2"/>
        <charset val="128"/>
      </rPr>
      <t>を抽出する</t>
    </r>
    <rPh sb="0" eb="2">
      <t>チュウシュツ</t>
    </rPh>
    <rPh sb="4" eb="5">
      <t>カク</t>
    </rPh>
    <rPh sb="5" eb="7">
      <t>キョテン</t>
    </rPh>
    <rPh sb="17" eb="19">
      <t>ガイブ</t>
    </rPh>
    <rPh sb="19" eb="21">
      <t>キョウキュウ</t>
    </rPh>
    <rPh sb="55" eb="57">
      <t>チュウシュツ</t>
    </rPh>
    <phoneticPr fontId="1"/>
  </si>
  <si>
    <r>
      <t>抽出した各拠点のエネルギー種類別「副生エネルギー</t>
    </r>
    <r>
      <rPr>
        <sz val="12"/>
        <rFont val="ＭＳ 明朝"/>
        <family val="1"/>
        <charset val="128"/>
      </rPr>
      <t>」</t>
    </r>
    <r>
      <rPr>
        <sz val="12"/>
        <rFont val="ＭＳ 明朝"/>
        <family val="2"/>
        <charset val="128"/>
      </rPr>
      <t>（販売した副生エネルギーの量）を抽出する</t>
    </r>
    <rPh sb="0" eb="2">
      <t>チュウシュツ</t>
    </rPh>
    <rPh sb="4" eb="5">
      <t>カク</t>
    </rPh>
    <rPh sb="5" eb="7">
      <t>キョテン</t>
    </rPh>
    <rPh sb="17" eb="19">
      <t>フクセイ</t>
    </rPh>
    <rPh sb="41" eb="43">
      <t>チュウシュツ</t>
    </rPh>
    <phoneticPr fontId="1"/>
  </si>
  <si>
    <r>
      <t>抽出した各拠点のエネルギー種類別「未利用熱</t>
    </r>
    <r>
      <rPr>
        <sz val="12"/>
        <rFont val="ＭＳ 明朝"/>
        <family val="1"/>
        <charset val="128"/>
      </rPr>
      <t>」</t>
    </r>
    <r>
      <rPr>
        <sz val="12"/>
        <rFont val="ＭＳ 明朝"/>
        <family val="2"/>
        <charset val="128"/>
      </rPr>
      <t>（購入した未利用熱の量）を抽出する</t>
    </r>
    <rPh sb="0" eb="2">
      <t>チュウシュツ</t>
    </rPh>
    <rPh sb="4" eb="5">
      <t>カク</t>
    </rPh>
    <rPh sb="5" eb="7">
      <t>キョテン</t>
    </rPh>
    <rPh sb="17" eb="20">
      <t>ミリヨウ</t>
    </rPh>
    <rPh sb="20" eb="21">
      <t>ネツ</t>
    </rPh>
    <rPh sb="35" eb="37">
      <t>チュウシュツ</t>
    </rPh>
    <phoneticPr fontId="1"/>
  </si>
  <si>
    <r>
      <t>抽出した各拠点において</t>
    </r>
    <r>
      <rPr>
        <sz val="12"/>
        <rFont val="ＭＳ 明朝"/>
        <family val="2"/>
        <charset val="128"/>
      </rPr>
      <t>その他燃料等の使用がある場合は、当該燃料に関する「エネルギーの種類</t>
    </r>
    <r>
      <rPr>
        <sz val="12"/>
        <rFont val="ＭＳ 明朝"/>
        <family val="1"/>
        <charset val="128"/>
      </rPr>
      <t>」</t>
    </r>
    <r>
      <rPr>
        <sz val="12"/>
        <rFont val="ＭＳ 明朝"/>
        <family val="2"/>
        <charset val="128"/>
      </rPr>
      <t>の名称、「単位発熱量」及び「排出係数」を抽出する</t>
    </r>
    <phoneticPr fontId="1"/>
  </si>
  <si>
    <r>
      <t>抽出した各拠点で使用</t>
    </r>
    <r>
      <rPr>
        <sz val="12"/>
        <rFont val="ＭＳ 明朝"/>
        <family val="1"/>
        <charset val="128"/>
      </rPr>
      <t>した</t>
    </r>
    <r>
      <rPr>
        <sz val="12"/>
        <rFont val="ＭＳ 明朝"/>
        <family val="2"/>
        <charset val="128"/>
      </rPr>
      <t>熱・電気・都市ガスについて、「供給事業者の登録番号」、「供給事業者名」、「メニュー名」、「基礎排出係数」、「調整後排出係数」、「標準熱量」及び各メニューごとの「使用量」並びに「外部供給」（都市ガスに限る）及び「副生エネルギー」（都市ガス及び熱に限る）を抽出する</t>
    </r>
    <rPh sb="4" eb="5">
      <t>カク</t>
    </rPh>
    <rPh sb="81" eb="82">
      <t>オヨ</t>
    </rPh>
    <rPh sb="83" eb="84">
      <t>カク</t>
    </rPh>
    <rPh sb="96" eb="97">
      <t>ナラ</t>
    </rPh>
    <rPh sb="100" eb="102">
      <t>ガイブ</t>
    </rPh>
    <rPh sb="102" eb="104">
      <t>キョウキュウ</t>
    </rPh>
    <rPh sb="106" eb="108">
      <t>トシ</t>
    </rPh>
    <rPh sb="111" eb="112">
      <t>カギ</t>
    </rPh>
    <rPh sb="114" eb="115">
      <t>オヨ</t>
    </rPh>
    <rPh sb="117" eb="119">
      <t>フクセイ</t>
    </rPh>
    <rPh sb="126" eb="128">
      <t>トシ</t>
    </rPh>
    <rPh sb="130" eb="131">
      <t>オヨ</t>
    </rPh>
    <rPh sb="132" eb="133">
      <t>ネツ</t>
    </rPh>
    <rPh sb="134" eb="135">
      <t>カギ</t>
    </rPh>
    <phoneticPr fontId="1"/>
  </si>
  <si>
    <r>
      <t>「横浜市内</t>
    </r>
    <r>
      <rPr>
        <sz val="12"/>
        <rFont val="ＭＳ 明朝"/>
        <family val="1"/>
        <charset val="128"/>
      </rPr>
      <t>（非エネルギー管理指定工場等含む全事業所）</t>
    </r>
    <r>
      <rPr>
        <sz val="12"/>
        <rFont val="ＭＳ 明朝"/>
        <family val="2"/>
        <charset val="128"/>
      </rPr>
      <t>」、「川崎市内</t>
    </r>
    <r>
      <rPr>
        <sz val="12"/>
        <rFont val="ＭＳ 明朝"/>
        <family val="1"/>
        <charset val="128"/>
      </rPr>
      <t>（非エネルギー管理指定工場等含む全事業所）</t>
    </r>
    <r>
      <rPr>
        <sz val="12"/>
        <rFont val="ＭＳ 明朝"/>
        <family val="2"/>
        <charset val="128"/>
      </rPr>
      <t>」及び「県域の非エネルギー管理指定工場</t>
    </r>
    <r>
      <rPr>
        <sz val="12"/>
        <rFont val="ＭＳ 明朝"/>
        <family val="1"/>
        <charset val="128"/>
      </rPr>
      <t>等</t>
    </r>
    <r>
      <rPr>
        <sz val="12"/>
        <rFont val="ＭＳ 明朝"/>
        <family val="2"/>
        <charset val="128"/>
      </rPr>
      <t>」について、複数の事業所や工場をまとめて１つの拠点としている場合は、合算している事業所等の数を出力様式に出力する
（１拠点１事業所等の場合は、１を入力）</t>
    </r>
    <rPh sb="55" eb="56">
      <t>オヨ</t>
    </rPh>
    <rPh sb="73" eb="74">
      <t>トウ</t>
    </rPh>
    <rPh sb="80" eb="82">
      <t>フクスウ</t>
    </rPh>
    <rPh sb="83" eb="85">
      <t>ジギョウ</t>
    </rPh>
    <rPh sb="85" eb="86">
      <t>ショ</t>
    </rPh>
    <rPh sb="87" eb="89">
      <t>コウジョウ</t>
    </rPh>
    <rPh sb="97" eb="99">
      <t>キョテン</t>
    </rPh>
    <rPh sb="104" eb="106">
      <t>バアイ</t>
    </rPh>
    <rPh sb="108" eb="110">
      <t>ガッサン</t>
    </rPh>
    <rPh sb="114" eb="116">
      <t>ジギョウ</t>
    </rPh>
    <rPh sb="116" eb="117">
      <t>ショ</t>
    </rPh>
    <rPh sb="117" eb="118">
      <t>トウ</t>
    </rPh>
    <rPh sb="119" eb="120">
      <t>カズ</t>
    </rPh>
    <rPh sb="121" eb="123">
      <t>シュツリョク</t>
    </rPh>
    <rPh sb="123" eb="125">
      <t>ヨウシキ</t>
    </rPh>
    <rPh sb="126" eb="128">
      <t>シュツリョク</t>
    </rPh>
    <rPh sb="133" eb="135">
      <t>キョテン</t>
    </rPh>
    <rPh sb="136" eb="139">
      <t>ジギョウショ</t>
    </rPh>
    <rPh sb="139" eb="140">
      <t>トウ</t>
    </rPh>
    <rPh sb="141" eb="143">
      <t>バアイ</t>
    </rPh>
    <rPh sb="147" eb="149">
      <t>ニュウリョク</t>
    </rPh>
    <phoneticPr fontId="1"/>
  </si>
  <si>
    <r>
      <t>神奈川県内の工場、事業所等における調整後排出量</t>
    </r>
    <r>
      <rPr>
        <sz val="12"/>
        <rFont val="ＭＳ 明朝"/>
        <family val="1"/>
        <charset val="128"/>
      </rPr>
      <t>を</t>
    </r>
    <r>
      <rPr>
        <sz val="12"/>
        <rFont val="ＭＳ 明朝"/>
        <family val="2"/>
        <charset val="128"/>
      </rPr>
      <t>算出するために使用するクレジット等の取得量等を抽出し、出力様式に出力する</t>
    </r>
    <rPh sb="0" eb="4">
      <t>カナガワケン</t>
    </rPh>
    <rPh sb="4" eb="5">
      <t>ナイ</t>
    </rPh>
    <rPh sb="6" eb="8">
      <t>コウジョウ</t>
    </rPh>
    <rPh sb="9" eb="12">
      <t>ジギョウショ</t>
    </rPh>
    <rPh sb="12" eb="13">
      <t>トウ</t>
    </rPh>
    <rPh sb="45" eb="46">
      <t>トウ</t>
    </rPh>
    <rPh sb="47" eb="49">
      <t>チュウシュツ</t>
    </rPh>
    <rPh sb="51" eb="53">
      <t>シュツリョク</t>
    </rPh>
    <rPh sb="53" eb="55">
      <t>ヨウシキ</t>
    </rPh>
    <rPh sb="56" eb="58">
      <t>シュツリョク</t>
    </rPh>
    <phoneticPr fontId="1"/>
  </si>
  <si>
    <r>
      <t>クレジット等の取得量のうち、</t>
    </r>
    <r>
      <rPr>
        <sz val="12"/>
        <rFont val="ＭＳ 明朝"/>
        <family val="1"/>
        <charset val="128"/>
      </rPr>
      <t>神奈川県内</t>
    </r>
    <r>
      <rPr>
        <sz val="12"/>
        <rFont val="ＭＳ 明朝"/>
        <family val="2"/>
        <charset val="128"/>
      </rPr>
      <t>の事業所の削減量とする分を抽出する</t>
    </r>
    <rPh sb="14" eb="17">
      <t>カナガワ</t>
    </rPh>
    <rPh sb="17" eb="19">
      <t>ケンナイ</t>
    </rPh>
    <rPh sb="20" eb="22">
      <t>ジギョウ</t>
    </rPh>
    <rPh sb="22" eb="23">
      <t>ショ</t>
    </rPh>
    <rPh sb="24" eb="26">
      <t>サクゲン</t>
    </rPh>
    <rPh sb="26" eb="27">
      <t>リョウ</t>
    </rPh>
    <rPh sb="30" eb="31">
      <t>ブン</t>
    </rPh>
    <rPh sb="32" eb="34">
      <t>チュウシュツ</t>
    </rPh>
    <phoneticPr fontId="1"/>
  </si>
  <si>
    <t>「法人・団体名」、「代表者役職」、「代表者氏名」及び「事業者の住所又は主たる事務所の所在地」を抽出する</t>
    <rPh sb="1" eb="3">
      <t>ホウジン</t>
    </rPh>
    <rPh sb="4" eb="6">
      <t>ダンタイ</t>
    </rPh>
    <rPh sb="6" eb="7">
      <t>メイ</t>
    </rPh>
    <rPh sb="10" eb="13">
      <t>ダイヒョウシャ</t>
    </rPh>
    <rPh sb="13" eb="15">
      <t>ヤクショク</t>
    </rPh>
    <rPh sb="18" eb="21">
      <t>ダイヒョウシャ</t>
    </rPh>
    <rPh sb="21" eb="23">
      <t>シメイ</t>
    </rPh>
    <rPh sb="24" eb="25">
      <t>オヨ</t>
    </rPh>
    <rPh sb="47" eb="49">
      <t>チュウシュツ</t>
    </rPh>
    <phoneticPr fontId="1"/>
  </si>
  <si>
    <t>【その他】
■枝番（アルファベット）は、システムごとに適当な方法を選択すること
■記載の順番は便宜上のものであり実際の処理順を指定するものではない
■エネルギー使用量等は、入力値（kL,t,千㎥,kWh,GJなど、原油換算エネルギー使用量やＣＯ２排出量への換算前の値）をそのまま抽出する
■エネルギーの種類には、自家発電（発電方法の別（太陽光、風力など））、自己託送、ＰＰＡ等も含む
■排出量管理システムに入力のない項目については、出力時又は出力後にユーザーが手入力できるようにする</t>
    <rPh sb="3" eb="4">
      <t>タ</t>
    </rPh>
    <rPh sb="7" eb="9">
      <t>エダバン</t>
    </rPh>
    <rPh sb="27" eb="29">
      <t>テキトウ</t>
    </rPh>
    <rPh sb="30" eb="32">
      <t>ホウホウ</t>
    </rPh>
    <rPh sb="33" eb="35">
      <t>センタク</t>
    </rPh>
    <rPh sb="41" eb="43">
      <t>キサイ</t>
    </rPh>
    <rPh sb="44" eb="46">
      <t>ジュンバン</t>
    </rPh>
    <rPh sb="47" eb="49">
      <t>ベンギ</t>
    </rPh>
    <rPh sb="49" eb="50">
      <t>ジョウ</t>
    </rPh>
    <rPh sb="56" eb="58">
      <t>ジッサイ</t>
    </rPh>
    <rPh sb="59" eb="61">
      <t>ショリ</t>
    </rPh>
    <rPh sb="151" eb="153">
      <t>シュルイ</t>
    </rPh>
    <rPh sb="161" eb="163">
      <t>ハツデン</t>
    </rPh>
    <rPh sb="163" eb="165">
      <t>ホウホウ</t>
    </rPh>
    <rPh sb="166" eb="167">
      <t>ベツ</t>
    </rPh>
    <rPh sb="168" eb="171">
      <t>タイヨウコウ</t>
    </rPh>
    <rPh sb="172" eb="174">
      <t>フウリョク</t>
    </rPh>
    <rPh sb="187" eb="188">
      <t>ナド</t>
    </rPh>
    <rPh sb="189" eb="190">
      <t>フク</t>
    </rPh>
    <rPh sb="193" eb="198">
      <t>ハイシュツリョウカンリ</t>
    </rPh>
    <rPh sb="203" eb="205">
      <t>ニュウリョク</t>
    </rPh>
    <rPh sb="208" eb="210">
      <t>コウモク</t>
    </rPh>
    <rPh sb="216" eb="218">
      <t>シュツリョク</t>
    </rPh>
    <rPh sb="218" eb="219">
      <t>ジ</t>
    </rPh>
    <rPh sb="219" eb="220">
      <t>マタ</t>
    </rPh>
    <rPh sb="221" eb="223">
      <t>シュツリョク</t>
    </rPh>
    <rPh sb="223" eb="224">
      <t>ゴ</t>
    </rPh>
    <rPh sb="230" eb="231">
      <t>テ</t>
    </rPh>
    <rPh sb="231" eb="233">
      <t>ニュウリョク</t>
    </rPh>
    <phoneticPr fontId="1"/>
  </si>
  <si>
    <t>【用語の定義等】
■横浜市及び川崎市以外の神奈川県域を「県域」という
■クレジット等は次の種類のものを対象とする
「国内クレジット」「オフセット・クレジット」「グリーンエネルギーCO2削減相当量」「Ｊ－クレジット」、「海外認証排出削減量」、「非化石電源二酸化炭素削減相当量」
【その他】
■記載の順番は便宜上のものであり実際の処理順を指定するものではない
■排出量管理システムに入力のない項目については、出力時又は出力後にユーザーが手入力できるようにする</t>
    <rPh sb="1" eb="3">
      <t>ヨウゴ</t>
    </rPh>
    <rPh sb="4" eb="6">
      <t>テイギ</t>
    </rPh>
    <rPh sb="6" eb="7">
      <t>トウ</t>
    </rPh>
    <rPh sb="10" eb="13">
      <t>ヨコハマシ</t>
    </rPh>
    <rPh sb="13" eb="14">
      <t>オヨ</t>
    </rPh>
    <rPh sb="15" eb="18">
      <t>カワサキシ</t>
    </rPh>
    <rPh sb="18" eb="20">
      <t>イガイ</t>
    </rPh>
    <rPh sb="21" eb="25">
      <t>カナガワケン</t>
    </rPh>
    <rPh sb="25" eb="26">
      <t>イキ</t>
    </rPh>
    <rPh sb="28" eb="30">
      <t>ケンイキ</t>
    </rPh>
    <rPh sb="43" eb="44">
      <t>ツギ</t>
    </rPh>
    <rPh sb="45" eb="47">
      <t>シュルイ</t>
    </rPh>
    <rPh sb="51" eb="53">
      <t>タイショウ</t>
    </rPh>
    <rPh sb="142" eb="143">
      <t>タ</t>
    </rPh>
    <rPh sb="180" eb="185">
      <t>ハイシュツリョウカンリ</t>
    </rPh>
    <rPh sb="190" eb="192">
      <t>ニュウリョク</t>
    </rPh>
    <rPh sb="195" eb="197">
      <t>コウモク</t>
    </rPh>
    <rPh sb="203" eb="205">
      <t>シュツリョク</t>
    </rPh>
    <rPh sb="205" eb="206">
      <t>ジ</t>
    </rPh>
    <rPh sb="206" eb="207">
      <t>マタ</t>
    </rPh>
    <rPh sb="208" eb="210">
      <t>シュツリョク</t>
    </rPh>
    <rPh sb="210" eb="211">
      <t>ゴ</t>
    </rPh>
    <rPh sb="217" eb="218">
      <t>テ</t>
    </rPh>
    <rPh sb="218" eb="220">
      <t>ニュウリョク</t>
    </rPh>
    <phoneticPr fontId="1"/>
  </si>
  <si>
    <t>■「事業者基礎情報」とは、「法人・団体名」、「代表者役職」、「代表者氏名」及び「事業者の住所又は主たる事務所の所在地」をいう
■報告対象年度は、４月１日から翌３月31日とし、西暦（4桁）表記とする
■記載の順番は便宜上のものであり実際の処理順を指定するものではない
■排出量管理システムに入力のない項目については、出力時又は出力後にユーザーが手入力できるようにする</t>
    <rPh sb="2" eb="5">
      <t>ジギョウシャ</t>
    </rPh>
    <rPh sb="5" eb="7">
      <t>キソ</t>
    </rPh>
    <rPh sb="7" eb="9">
      <t>ジョウホウ</t>
    </rPh>
    <rPh sb="37" eb="38">
      <t>オヨ</t>
    </rPh>
    <phoneticPr fontId="1"/>
  </si>
  <si>
    <t>■保存の際の文字コードは、MicrosoftExcelでそのまま開けるように、Shift-JISとする
■保存場所は、ローカル上・クラウド上いずれでも構わないが、ユーザーの利便性を考慮すること（ユーザーは、保存された出力様式を報告様式に転記（コピー＆ペースト）するため、出力様式の行を維持すること）</t>
    <rPh sb="135" eb="137">
      <t>シュツリョク</t>
    </rPh>
    <rPh sb="137" eb="139">
      <t>ヨウシキ</t>
    </rPh>
    <rPh sb="140" eb="141">
      <t>ギョウ</t>
    </rPh>
    <rPh sb="142" eb="144">
      <t>イジ</t>
    </rPh>
    <phoneticPr fontId="1"/>
  </si>
  <si>
    <t>その他</t>
    <phoneticPr fontId="1"/>
  </si>
  <si>
    <t>【別紙：要求仕様書】</t>
    <rPh sb="1" eb="3">
      <t>ベッシ</t>
    </rPh>
    <rPh sb="4" eb="6">
      <t>ヨウキュウ</t>
    </rPh>
    <rPh sb="6" eb="9">
      <t>シヨウショ</t>
    </rPh>
    <phoneticPr fontId="1"/>
  </si>
  <si>
    <t>要求仕様書～神奈川県ＣＯ２排出量管理システム改修支援～</t>
    <rPh sb="0" eb="2">
      <t>ヨウキュウ</t>
    </rPh>
    <rPh sb="2" eb="4">
      <t>シヨウ</t>
    </rPh>
    <rPh sb="4" eb="5">
      <t>ショ</t>
    </rPh>
    <rPh sb="6" eb="10">
      <t>カナガワケン</t>
    </rPh>
    <rPh sb="13" eb="15">
      <t>ハイシュツ</t>
    </rPh>
    <rPh sb="15" eb="16">
      <t>リョウ</t>
    </rPh>
    <rPh sb="16" eb="18">
      <t>カンリ</t>
    </rPh>
    <rPh sb="22" eb="24">
      <t>カイシュウ</t>
    </rPh>
    <rPh sb="24" eb="26">
      <t>シエン</t>
    </rPh>
    <phoneticPr fontId="1"/>
  </si>
  <si>
    <r>
      <t>【用語の定義等】
■横浜市及び川崎市以外の神奈川県域を「県域」という
■次の区分で、拠点を抽出する
「県域のエネルギー管理指定工場等」、「県域の非エネルギー管理指定工場等」、「横浜市内</t>
    </r>
    <r>
      <rPr>
        <sz val="12"/>
        <rFont val="ＭＳ 明朝"/>
        <family val="1"/>
        <charset val="128"/>
      </rPr>
      <t>（非エネルギー管理指定工場等含む全事業所）</t>
    </r>
    <r>
      <rPr>
        <sz val="12"/>
        <rFont val="ＭＳ 明朝"/>
        <family val="2"/>
        <charset val="128"/>
      </rPr>
      <t>」及び「川崎市内</t>
    </r>
    <r>
      <rPr>
        <sz val="12"/>
        <rFont val="ＭＳ 明朝"/>
        <family val="1"/>
        <charset val="128"/>
      </rPr>
      <t>（非エネルギー管理指定工場等含む全事業所）</t>
    </r>
    <r>
      <rPr>
        <sz val="12"/>
        <rFont val="ＭＳ 明朝"/>
        <family val="2"/>
        <charset val="128"/>
      </rPr>
      <t>」
■「エネルギー使用量等」とは、</t>
    </r>
    <r>
      <rPr>
        <sz val="12"/>
        <rFont val="ＭＳ 明朝"/>
        <family val="1"/>
        <charset val="128"/>
      </rPr>
      <t>神奈川県内の工場、事業所等の「事業所名」、「所在地」並びに当該工場、事業所等におけるエネルギーの</t>
    </r>
    <r>
      <rPr>
        <sz val="12"/>
        <rFont val="ＭＳ 明朝"/>
        <family val="2"/>
        <charset val="128"/>
      </rPr>
      <t>「使用量」、「外部供給</t>
    </r>
    <r>
      <rPr>
        <sz val="12"/>
        <rFont val="ＭＳ 明朝"/>
        <family val="1"/>
        <charset val="128"/>
      </rPr>
      <t>」</t>
    </r>
    <r>
      <rPr>
        <sz val="12"/>
        <rFont val="ＭＳ 明朝"/>
        <family val="2"/>
        <charset val="128"/>
      </rPr>
      <t>（他者に供給する熱・電気を発生させるために使用した燃料の使用量）、「副生エネルギー</t>
    </r>
    <r>
      <rPr>
        <sz val="12"/>
        <rFont val="ＭＳ 明朝"/>
        <family val="1"/>
        <charset val="128"/>
      </rPr>
      <t>」</t>
    </r>
    <r>
      <rPr>
        <sz val="12"/>
        <rFont val="ＭＳ 明朝"/>
        <family val="2"/>
        <charset val="128"/>
      </rPr>
      <t>（販売した副生エネルギーの量）、「未利用熱</t>
    </r>
    <r>
      <rPr>
        <sz val="12"/>
        <rFont val="ＭＳ 明朝"/>
        <family val="1"/>
        <charset val="128"/>
      </rPr>
      <t>」</t>
    </r>
    <r>
      <rPr>
        <sz val="12"/>
        <rFont val="ＭＳ 明朝"/>
        <family val="2"/>
        <charset val="128"/>
      </rPr>
      <t>（購入した未利用熱の量）、「生産数量又は建物延床面積、その他の温室効果ガス排出量と密接な関係を持つ値（原単位分母）の名称」、「原単位分母の単位」</t>
    </r>
    <r>
      <rPr>
        <sz val="12"/>
        <rFont val="ＭＳ 明朝"/>
        <family val="1"/>
        <charset val="128"/>
      </rPr>
      <t>及び</t>
    </r>
    <r>
      <rPr>
        <sz val="12"/>
        <rFont val="ＭＳ 明朝"/>
        <family val="2"/>
        <charset val="128"/>
      </rPr>
      <t>「原単位分母の値」をいう
なお、単位発熱量及び排出係数が標準設定されていないその他燃料等を使用した場合、当該燃料等に関する「エネルギーの種類</t>
    </r>
    <r>
      <rPr>
        <sz val="12"/>
        <rFont val="ＭＳ 明朝"/>
        <family val="1"/>
        <charset val="128"/>
      </rPr>
      <t>」</t>
    </r>
    <r>
      <rPr>
        <sz val="12"/>
        <rFont val="ＭＳ 明朝"/>
        <family val="2"/>
        <charset val="128"/>
      </rPr>
      <t>の名称、「単位発熱量」及び「排出係数」を含む
■「排出係数等」とは、熱・電気・ガス供給事業者から購入した熱・電気・都市ガスに係る情報のうち、「供給事業者の登録番号</t>
    </r>
    <r>
      <rPr>
        <sz val="12"/>
        <rFont val="ＭＳ 明朝"/>
        <family val="1"/>
        <charset val="128"/>
      </rPr>
      <t>」</t>
    </r>
    <r>
      <rPr>
        <sz val="12"/>
        <rFont val="ＭＳ 明朝"/>
        <family val="2"/>
        <charset val="128"/>
      </rPr>
      <t>※（システム上で管理していない場合は除く）、「供給事業者名</t>
    </r>
    <r>
      <rPr>
        <sz val="12"/>
        <rFont val="ＭＳ 明朝"/>
        <family val="1"/>
        <charset val="128"/>
      </rPr>
      <t>」</t>
    </r>
    <r>
      <rPr>
        <sz val="12"/>
        <rFont val="ＭＳ 明朝"/>
        <family val="2"/>
        <charset val="128"/>
      </rPr>
      <t>※、「メニュー名</t>
    </r>
    <r>
      <rPr>
        <sz val="12"/>
        <rFont val="ＭＳ 明朝"/>
        <family val="1"/>
        <charset val="128"/>
      </rPr>
      <t>」</t>
    </r>
    <r>
      <rPr>
        <sz val="12"/>
        <rFont val="ＭＳ 明朝"/>
        <family val="2"/>
        <charset val="128"/>
      </rPr>
      <t>※、「基礎排出係数」</t>
    </r>
    <r>
      <rPr>
        <sz val="12"/>
        <rFont val="ＭＳ 明朝"/>
        <family val="1"/>
        <charset val="128"/>
      </rPr>
      <t>※</t>
    </r>
    <r>
      <rPr>
        <sz val="12"/>
        <rFont val="ＭＳ 明朝"/>
        <family val="2"/>
        <charset val="128"/>
      </rPr>
      <t>、「調整後排出係数」</t>
    </r>
    <r>
      <rPr>
        <sz val="12"/>
        <rFont val="ＭＳ 明朝"/>
        <family val="1"/>
        <charset val="128"/>
      </rPr>
      <t>※</t>
    </r>
    <r>
      <rPr>
        <sz val="12"/>
        <rFont val="ＭＳ 明朝"/>
        <family val="2"/>
        <charset val="128"/>
      </rPr>
      <t>、「標準熱量</t>
    </r>
    <r>
      <rPr>
        <sz val="12"/>
        <rFont val="ＭＳ 明朝"/>
        <family val="1"/>
        <charset val="128"/>
      </rPr>
      <t>」</t>
    </r>
    <r>
      <rPr>
        <sz val="12"/>
        <rFont val="ＭＳ 明朝"/>
        <family val="2"/>
        <charset val="128"/>
      </rPr>
      <t>(GJ/千N㎥、都市ガスに限る)、「使用量</t>
    </r>
    <r>
      <rPr>
        <sz val="12"/>
        <rFont val="ＭＳ 明朝"/>
        <family val="1"/>
        <charset val="128"/>
      </rPr>
      <t>」</t>
    </r>
    <r>
      <rPr>
        <sz val="12"/>
        <rFont val="ＭＳ 明朝"/>
        <family val="2"/>
        <charset val="128"/>
      </rPr>
      <t>（熱：千GJ、</t>
    </r>
    <r>
      <rPr>
        <sz val="12"/>
        <rFont val="ＭＳ 明朝"/>
        <family val="1"/>
        <charset val="128"/>
      </rPr>
      <t>電気：</t>
    </r>
    <r>
      <rPr>
        <sz val="12"/>
        <rFont val="ＭＳ 明朝"/>
        <family val="2"/>
        <charset val="128"/>
      </rPr>
      <t>千kWh、</t>
    </r>
    <r>
      <rPr>
        <sz val="12"/>
        <rFont val="ＭＳ 明朝"/>
        <family val="1"/>
        <charset val="128"/>
      </rPr>
      <t>都市ガス：</t>
    </r>
    <r>
      <rPr>
        <sz val="12"/>
        <rFont val="ＭＳ 明朝"/>
        <family val="2"/>
        <charset val="128"/>
      </rPr>
      <t>千㎥）、「外部供給」（都市ガスに限る）及び「副生エネルギー」（都市ガス・熱に限る）をいう
※参考：事業者別排出係数一覧 https://ghg-santeikohyo.env.go.jp/calc
■「基礎排出係数」及び「調整後排出係数」の単位は、熱：t-CO2/GJ、電気：t-CO2/kWh、都市ガス：t-CO2/千㎥とする。
■エネルギー使用量等及び排出係数等におけるそれぞれの用語や数値の定義等の詳細は、温室効果ガス排出量算定・報告・公表制度及び省エネ法定期報告の記載に合わせるものとする
■各拠点の「所在地」は、市町村名以降を抽出する（「神奈川県」の記載は不要）</t>
    </r>
    <rPh sb="93" eb="94">
      <t>ヒ</t>
    </rPh>
    <rPh sb="99" eb="101">
      <t>カンリ</t>
    </rPh>
    <rPh sb="101" eb="106">
      <t>シテイコウジョウトウ</t>
    </rPh>
    <rPh sb="106" eb="107">
      <t>フク</t>
    </rPh>
    <rPh sb="108" eb="109">
      <t>ゼン</t>
    </rPh>
    <rPh sb="109" eb="111">
      <t>ジギョウ</t>
    </rPh>
    <rPh sb="111" eb="112">
      <t>ショ</t>
    </rPh>
    <rPh sb="174" eb="176">
      <t>ジギョウ</t>
    </rPh>
    <rPh sb="176" eb="177">
      <t>ショ</t>
    </rPh>
    <rPh sb="177" eb="178">
      <t>メイ</t>
    </rPh>
    <rPh sb="181" eb="183">
      <t>ショザイ</t>
    </rPh>
    <rPh sb="183" eb="184">
      <t>チ</t>
    </rPh>
    <rPh sb="185" eb="186">
      <t>ナラ</t>
    </rPh>
    <rPh sb="188" eb="190">
      <t>トウガイ</t>
    </rPh>
    <rPh sb="190" eb="192">
      <t>コウジョウ</t>
    </rPh>
    <rPh sb="193" eb="195">
      <t>ジギョウ</t>
    </rPh>
    <rPh sb="195" eb="196">
      <t>ショ</t>
    </rPh>
    <rPh sb="196" eb="197">
      <t>トウ</t>
    </rPh>
    <rPh sb="355" eb="356">
      <t>オヨ</t>
    </rPh>
    <rPh sb="373" eb="375">
      <t>タンイ</t>
    </rPh>
    <rPh sb="375" eb="377">
      <t>ハツネツ</t>
    </rPh>
    <rPh sb="377" eb="378">
      <t>リョウ</t>
    </rPh>
    <rPh sb="378" eb="379">
      <t>オヨ</t>
    </rPh>
    <rPh sb="380" eb="382">
      <t>ハイシュツ</t>
    </rPh>
    <rPh sb="382" eb="384">
      <t>ケイスウ</t>
    </rPh>
    <rPh sb="385" eb="387">
      <t>ヒョウジュン</t>
    </rPh>
    <rPh sb="387" eb="389">
      <t>セッテイ</t>
    </rPh>
    <rPh sb="402" eb="404">
      <t>シヨウ</t>
    </rPh>
    <rPh sb="406" eb="408">
      <t>バアイ</t>
    </rPh>
    <rPh sb="409" eb="411">
      <t>トウガイ</t>
    </rPh>
    <rPh sb="411" eb="413">
      <t>ネンリョウ</t>
    </rPh>
    <rPh sb="413" eb="414">
      <t>トウ</t>
    </rPh>
    <rPh sb="607" eb="609">
      <t>デンキ</t>
    </rPh>
    <rPh sb="625" eb="627">
      <t>ガイブ</t>
    </rPh>
    <rPh sb="627" eb="629">
      <t>キョウキュウ</t>
    </rPh>
    <rPh sb="631" eb="633">
      <t>トシ</t>
    </rPh>
    <rPh sb="636" eb="637">
      <t>カギ</t>
    </rPh>
    <rPh sb="639" eb="640">
      <t>オヨ</t>
    </rPh>
    <rPh sb="642" eb="644">
      <t>フクセイ</t>
    </rPh>
    <rPh sb="651" eb="653">
      <t>トシ</t>
    </rPh>
    <rPh sb="656" eb="657">
      <t>ネツ</t>
    </rPh>
    <rPh sb="658" eb="659">
      <t>カギ</t>
    </rPh>
    <rPh sb="728" eb="729">
      <t>オヨ</t>
    </rPh>
    <rPh sb="740" eb="742">
      <t>タンイ</t>
    </rPh>
    <phoneticPr fontId="1"/>
  </si>
  <si>
    <t>原単位に単一の指標を設定する場合</t>
    <rPh sb="4" eb="6">
      <t>タンイツ</t>
    </rPh>
    <rPh sb="7" eb="9">
      <t>シヒョウ</t>
    </rPh>
    <rPh sb="10" eb="12">
      <t>セッテイ</t>
    </rPh>
    <rPh sb="14" eb="16">
      <t>バアイ</t>
    </rPh>
    <phoneticPr fontId="1"/>
  </si>
  <si>
    <t>全県</t>
    <rPh sb="0" eb="2">
      <t>ゼンケン</t>
    </rPh>
    <phoneticPr fontId="1"/>
  </si>
  <si>
    <t>県域</t>
    <rPh sb="0" eb="2">
      <t>ケンイキ</t>
    </rPh>
    <phoneticPr fontId="1"/>
  </si>
  <si>
    <t>第１号</t>
    <rPh sb="0" eb="1">
      <t>ダイ</t>
    </rPh>
    <rPh sb="2" eb="3">
      <t>ゴウ</t>
    </rPh>
    <phoneticPr fontId="1"/>
  </si>
  <si>
    <t>第２号</t>
    <rPh sb="0" eb="1">
      <t>ダイ</t>
    </rPh>
    <rPh sb="2" eb="3">
      <t>ゴウ</t>
    </rPh>
    <phoneticPr fontId="1"/>
  </si>
  <si>
    <t>第３号</t>
    <rPh sb="0" eb="1">
      <t>ダイ</t>
    </rPh>
    <rPh sb="2" eb="3">
      <t>ゴウ</t>
    </rPh>
    <phoneticPr fontId="1"/>
  </si>
  <si>
    <t>K-02.03.03</t>
    <phoneticPr fontId="1"/>
  </si>
  <si>
    <t>K-02.03.04</t>
    <phoneticPr fontId="1"/>
  </si>
  <si>
    <t>K-02.02.06</t>
    <phoneticPr fontId="1"/>
  </si>
  <si>
    <t>更新履歴</t>
    <rPh sb="0" eb="2">
      <t>コウシン</t>
    </rPh>
    <rPh sb="2" eb="4">
      <t>リレキ</t>
    </rPh>
    <phoneticPr fontId="1"/>
  </si>
  <si>
    <t>Ver.</t>
    <phoneticPr fontId="1"/>
  </si>
  <si>
    <t>更新日</t>
    <rPh sb="0" eb="3">
      <t>コウシンビ</t>
    </rPh>
    <phoneticPr fontId="1"/>
  </si>
  <si>
    <t>内容</t>
    <rPh sb="0" eb="2">
      <t>ナイヨウ</t>
    </rPh>
    <phoneticPr fontId="1"/>
  </si>
  <si>
    <t>01</t>
    <phoneticPr fontId="1"/>
  </si>
  <si>
    <t>要求仕様書・出力様式公開</t>
    <rPh sb="0" eb="2">
      <t>ヨウキュウ</t>
    </rPh>
    <rPh sb="2" eb="5">
      <t>シヨウショ</t>
    </rPh>
    <rPh sb="6" eb="8">
      <t>シュツリョク</t>
    </rPh>
    <rPh sb="8" eb="10">
      <t>ヨウシキ</t>
    </rPh>
    <rPh sb="10" eb="12">
      <t>コウカイ</t>
    </rPh>
    <phoneticPr fontId="1"/>
  </si>
  <si>
    <t>02</t>
    <phoneticPr fontId="1"/>
  </si>
  <si>
    <t>区分（大規模）</t>
    <rPh sb="0" eb="2">
      <t>クブン</t>
    </rPh>
    <rPh sb="3" eb="6">
      <t>ダイキボ</t>
    </rPh>
    <phoneticPr fontId="1"/>
  </si>
  <si>
    <t>区分（中小）</t>
    <rPh sb="0" eb="2">
      <t>クブン</t>
    </rPh>
    <rPh sb="3" eb="5">
      <t>チュウショウ</t>
    </rPh>
    <phoneticPr fontId="1"/>
  </si>
  <si>
    <t>工場等</t>
    <rPh sb="0" eb="2">
      <t>コウジョウ</t>
    </rPh>
    <rPh sb="2" eb="3">
      <t>トウ</t>
    </rPh>
    <phoneticPr fontId="1"/>
  </si>
  <si>
    <t>自動車</t>
    <rPh sb="0" eb="3">
      <t>ジドウシャ</t>
    </rPh>
    <phoneticPr fontId="1"/>
  </si>
  <si>
    <t>前年度からの法人情報変更有無</t>
    <rPh sb="0" eb="3">
      <t>ゼンネンド</t>
    </rPh>
    <rPh sb="6" eb="8">
      <t>ホウジン</t>
    </rPh>
    <rPh sb="8" eb="10">
      <t>ジョウホウ</t>
    </rPh>
    <rPh sb="10" eb="12">
      <t>ヘンコウ</t>
    </rPh>
    <rPh sb="12" eb="14">
      <t>ウム</t>
    </rPh>
    <phoneticPr fontId="1"/>
  </si>
  <si>
    <t>要選択</t>
    <rPh sb="0" eb="1">
      <t>ヨウ</t>
    </rPh>
    <rPh sb="1" eb="3">
      <t>センタク</t>
    </rPh>
    <phoneticPr fontId="1"/>
  </si>
  <si>
    <t>原単位分母の名称</t>
    <rPh sb="0" eb="3">
      <t>ゲンタンイ</t>
    </rPh>
    <rPh sb="3" eb="5">
      <t>ブンボ</t>
    </rPh>
    <rPh sb="6" eb="8">
      <t>メイショウ</t>
    </rPh>
    <phoneticPr fontId="2"/>
  </si>
  <si>
    <t>可燃性天然ガス</t>
    <phoneticPr fontId="1"/>
  </si>
  <si>
    <t>液化天然ガス（ＬＮＧ）</t>
    <phoneticPr fontId="1"/>
  </si>
  <si>
    <t>石炭</t>
    <phoneticPr fontId="1"/>
  </si>
  <si>
    <t>都市ガス1</t>
    <rPh sb="0" eb="2">
      <t>トシ</t>
    </rPh>
    <phoneticPr fontId="1"/>
  </si>
  <si>
    <t>都市ガス2</t>
    <rPh sb="0" eb="2">
      <t>トシ</t>
    </rPh>
    <phoneticPr fontId="1"/>
  </si>
  <si>
    <t>都市ガス3</t>
    <rPh sb="0" eb="2">
      <t>トシ</t>
    </rPh>
    <phoneticPr fontId="1"/>
  </si>
  <si>
    <t>都市ガス4</t>
    <rPh sb="0" eb="2">
      <t>トシ</t>
    </rPh>
    <phoneticPr fontId="1"/>
  </si>
  <si>
    <t>都市ガス5</t>
    <rPh sb="0" eb="2">
      <t>トシ</t>
    </rPh>
    <phoneticPr fontId="1"/>
  </si>
  <si>
    <t>都市ガス6</t>
    <rPh sb="0" eb="2">
      <t>トシ</t>
    </rPh>
    <phoneticPr fontId="1"/>
  </si>
  <si>
    <t>都市ガス7</t>
    <rPh sb="0" eb="2">
      <t>トシ</t>
    </rPh>
    <phoneticPr fontId="1"/>
  </si>
  <si>
    <t>都市ガス8</t>
    <rPh sb="0" eb="2">
      <t>トシ</t>
    </rPh>
    <phoneticPr fontId="1"/>
  </si>
  <si>
    <t>都市ガス9</t>
    <rPh sb="0" eb="2">
      <t>トシ</t>
    </rPh>
    <phoneticPr fontId="1"/>
  </si>
  <si>
    <t>都市ガス10</t>
    <rPh sb="0" eb="2">
      <t>トシ</t>
    </rPh>
    <phoneticPr fontId="1"/>
  </si>
  <si>
    <t>蒸気1</t>
    <rPh sb="0" eb="2">
      <t>ジョウキ</t>
    </rPh>
    <phoneticPr fontId="1"/>
  </si>
  <si>
    <t>蒸気2</t>
    <rPh sb="0" eb="2">
      <t>ジョウキ</t>
    </rPh>
    <phoneticPr fontId="1"/>
  </si>
  <si>
    <t>蒸気3</t>
    <rPh sb="0" eb="2">
      <t>ジョウキ</t>
    </rPh>
    <phoneticPr fontId="1"/>
  </si>
  <si>
    <t>温水1</t>
    <rPh sb="0" eb="2">
      <t>オンスイ</t>
    </rPh>
    <phoneticPr fontId="1"/>
  </si>
  <si>
    <t>温水2</t>
    <rPh sb="0" eb="2">
      <t>オンスイ</t>
    </rPh>
    <phoneticPr fontId="1"/>
  </si>
  <si>
    <t>温水3</t>
    <rPh sb="0" eb="2">
      <t>オンスイ</t>
    </rPh>
    <phoneticPr fontId="1"/>
  </si>
  <si>
    <t>冷水1</t>
    <rPh sb="0" eb="2">
      <t>レイスイ</t>
    </rPh>
    <phoneticPr fontId="1"/>
  </si>
  <si>
    <t>冷水2</t>
    <rPh sb="0" eb="2">
      <t>レイスイ</t>
    </rPh>
    <phoneticPr fontId="1"/>
  </si>
  <si>
    <t>冷水3</t>
    <rPh sb="0" eb="2">
      <t>レイスイ</t>
    </rPh>
    <phoneticPr fontId="1"/>
  </si>
  <si>
    <t>電気1</t>
    <rPh sb="0" eb="2">
      <t>デンキ</t>
    </rPh>
    <phoneticPr fontId="1"/>
  </si>
  <si>
    <t>電気2</t>
    <rPh sb="0" eb="2">
      <t>デンキ</t>
    </rPh>
    <phoneticPr fontId="1"/>
  </si>
  <si>
    <t>電気3</t>
    <rPh sb="0" eb="2">
      <t>デンキ</t>
    </rPh>
    <phoneticPr fontId="1"/>
  </si>
  <si>
    <t>電気4</t>
    <rPh sb="0" eb="2">
      <t>デンキ</t>
    </rPh>
    <phoneticPr fontId="1"/>
  </si>
  <si>
    <t>電気5</t>
    <rPh sb="0" eb="2">
      <t>デンキ</t>
    </rPh>
    <phoneticPr fontId="1"/>
  </si>
  <si>
    <t>電気6</t>
    <rPh sb="0" eb="2">
      <t>デンキ</t>
    </rPh>
    <phoneticPr fontId="1"/>
  </si>
  <si>
    <t>電気7</t>
    <rPh sb="0" eb="2">
      <t>デンキ</t>
    </rPh>
    <phoneticPr fontId="1"/>
  </si>
  <si>
    <t>電気8</t>
    <rPh sb="0" eb="2">
      <t>デンキ</t>
    </rPh>
    <phoneticPr fontId="1"/>
  </si>
  <si>
    <t>電気9</t>
    <rPh sb="0" eb="2">
      <t>デンキ</t>
    </rPh>
    <phoneticPr fontId="1"/>
  </si>
  <si>
    <t>電気10</t>
    <rPh sb="0" eb="2">
      <t>デンキ</t>
    </rPh>
    <phoneticPr fontId="1"/>
  </si>
  <si>
    <t>電気11</t>
    <rPh sb="0" eb="2">
      <t>デンキ</t>
    </rPh>
    <phoneticPr fontId="1"/>
  </si>
  <si>
    <t>電気12</t>
    <rPh sb="0" eb="2">
      <t>デンキ</t>
    </rPh>
    <phoneticPr fontId="1"/>
  </si>
  <si>
    <t>電気13</t>
    <rPh sb="0" eb="2">
      <t>デンキ</t>
    </rPh>
    <phoneticPr fontId="1"/>
  </si>
  <si>
    <t>電気14</t>
    <rPh sb="0" eb="2">
      <t>デンキ</t>
    </rPh>
    <phoneticPr fontId="1"/>
  </si>
  <si>
    <t>電気15</t>
    <rPh sb="0" eb="2">
      <t>デンキ</t>
    </rPh>
    <phoneticPr fontId="1"/>
  </si>
  <si>
    <t>電気16</t>
    <rPh sb="0" eb="2">
      <t>デンキ</t>
    </rPh>
    <phoneticPr fontId="1"/>
  </si>
  <si>
    <t>電気17</t>
    <rPh sb="0" eb="2">
      <t>デンキ</t>
    </rPh>
    <phoneticPr fontId="1"/>
  </si>
  <si>
    <t>電気18</t>
    <rPh sb="0" eb="2">
      <t>デンキ</t>
    </rPh>
    <phoneticPr fontId="1"/>
  </si>
  <si>
    <t>電気19</t>
    <rPh sb="0" eb="2">
      <t>デンキ</t>
    </rPh>
    <phoneticPr fontId="1"/>
  </si>
  <si>
    <t>電気20</t>
    <rPh sb="0" eb="2">
      <t>デンキ</t>
    </rPh>
    <phoneticPr fontId="1"/>
  </si>
  <si>
    <t>電気21</t>
    <rPh sb="0" eb="2">
      <t>デンキ</t>
    </rPh>
    <phoneticPr fontId="1"/>
  </si>
  <si>
    <t>電気22</t>
    <rPh sb="0" eb="2">
      <t>デンキ</t>
    </rPh>
    <phoneticPr fontId="1"/>
  </si>
  <si>
    <t>電気23</t>
    <rPh sb="0" eb="2">
      <t>デンキ</t>
    </rPh>
    <phoneticPr fontId="1"/>
  </si>
  <si>
    <t>電気24</t>
    <rPh sb="0" eb="2">
      <t>デンキ</t>
    </rPh>
    <phoneticPr fontId="1"/>
  </si>
  <si>
    <t>電気25</t>
    <rPh sb="0" eb="2">
      <t>デンキ</t>
    </rPh>
    <phoneticPr fontId="1"/>
  </si>
  <si>
    <t>電気26</t>
    <rPh sb="0" eb="2">
      <t>デンキ</t>
    </rPh>
    <phoneticPr fontId="1"/>
  </si>
  <si>
    <t>電気27</t>
    <rPh sb="0" eb="2">
      <t>デンキ</t>
    </rPh>
    <phoneticPr fontId="1"/>
  </si>
  <si>
    <t>電気28</t>
    <rPh sb="0" eb="2">
      <t>デンキ</t>
    </rPh>
    <phoneticPr fontId="1"/>
  </si>
  <si>
    <t>電気29</t>
    <rPh sb="0" eb="2">
      <t>デンキ</t>
    </rPh>
    <phoneticPr fontId="1"/>
  </si>
  <si>
    <t>電気30</t>
    <rPh sb="0" eb="2">
      <t>デンキ</t>
    </rPh>
    <phoneticPr fontId="1"/>
  </si>
  <si>
    <t>横浜市内の削減量</t>
    <rPh sb="0" eb="3">
      <t>ヨコハマシ</t>
    </rPh>
    <rPh sb="3" eb="4">
      <t>ナイ</t>
    </rPh>
    <phoneticPr fontId="1"/>
  </si>
  <si>
    <t>川崎市内の削減量</t>
    <rPh sb="0" eb="3">
      <t>カワサキシ</t>
    </rPh>
    <rPh sb="3" eb="4">
      <t>ナイ</t>
    </rPh>
    <phoneticPr fontId="1"/>
  </si>
  <si>
    <t>④クレジット等の記入欄に①～④の付番を削除し、以下の注意書き追加
「各クレジットの合計値でなく、複数分けて入力する場合は、２～４列目に入力」
※クレジット等は県域、横浜市内、川崎市内のごとの種類別の合計量があれば差し支えないため。
【出力様式】A152:S165</t>
    <rPh sb="6" eb="7">
      <t>トウ</t>
    </rPh>
    <rPh sb="8" eb="10">
      <t>キニュウ</t>
    </rPh>
    <rPh sb="10" eb="11">
      <t>ラン</t>
    </rPh>
    <rPh sb="23" eb="25">
      <t>イカ</t>
    </rPh>
    <rPh sb="26" eb="29">
      <t>チュウイガ</t>
    </rPh>
    <rPh sb="30" eb="32">
      <t>ツイカ</t>
    </rPh>
    <rPh sb="95" eb="97">
      <t>シュルイ</t>
    </rPh>
    <rPh sb="97" eb="98">
      <t>ベツ</t>
    </rPh>
    <rPh sb="117" eb="119">
      <t>シュツリョク</t>
    </rPh>
    <rPh sb="119" eb="121">
      <t>ヨウシキ</t>
    </rPh>
    <phoneticPr fontId="1"/>
  </si>
  <si>
    <t>その他の燃料（非化石）1</t>
    <rPh sb="2" eb="3">
      <t>タ</t>
    </rPh>
    <rPh sb="4" eb="6">
      <t>ネンリョウ</t>
    </rPh>
    <rPh sb="7" eb="8">
      <t>ヒ</t>
    </rPh>
    <rPh sb="8" eb="10">
      <t>カセキ</t>
    </rPh>
    <phoneticPr fontId="3"/>
  </si>
  <si>
    <t>その他の燃料（非化石）2</t>
    <rPh sb="2" eb="3">
      <t>タ</t>
    </rPh>
    <rPh sb="4" eb="6">
      <t>ネンリョウ</t>
    </rPh>
    <rPh sb="7" eb="8">
      <t>ヒ</t>
    </rPh>
    <rPh sb="8" eb="10">
      <t>カセキ</t>
    </rPh>
    <phoneticPr fontId="3"/>
  </si>
  <si>
    <t>その他の購入熱</t>
    <rPh sb="2" eb="3">
      <t>タ</t>
    </rPh>
    <rPh sb="6" eb="7">
      <t>ネツ</t>
    </rPh>
    <phoneticPr fontId="4"/>
  </si>
  <si>
    <t>その他の熱1</t>
    <rPh sb="4" eb="5">
      <t>ネツ</t>
    </rPh>
    <phoneticPr fontId="1"/>
  </si>
  <si>
    <t>その他の熱2</t>
    <rPh sb="2" eb="3">
      <t>タ</t>
    </rPh>
    <rPh sb="4" eb="5">
      <t>ネツ</t>
    </rPh>
    <phoneticPr fontId="1"/>
  </si>
  <si>
    <t>その他自家発電(非燃料由来の非化石)1</t>
    <rPh sb="3" eb="5">
      <t>ジカ</t>
    </rPh>
    <rPh sb="5" eb="6">
      <t>ハツ</t>
    </rPh>
    <rPh sb="6" eb="7">
      <t>デン</t>
    </rPh>
    <phoneticPr fontId="1"/>
  </si>
  <si>
    <t>その他自家発電(非燃料由来の非化石)2</t>
    <rPh sb="3" eb="5">
      <t>ジカ</t>
    </rPh>
    <rPh sb="5" eb="6">
      <t>ハツ</t>
    </rPh>
    <rPh sb="6" eb="7">
      <t>デン</t>
    </rPh>
    <phoneticPr fontId="1"/>
  </si>
  <si>
    <t>②単一の原単位を設定する場合の記載欄追加
　県域及び全県で単一の原単位を設定する場合の記載欄がなかったため、新たに追加し、要求仕様書に注意書きを追記
【出力様式】J1:L4、【要求仕様書】43行目
※ユーザーが県域及び全県で単一の原単位を設定する場合には、
　排出量管理システムには当該データは管理されていないと想定されるため、
　報告書へのデータ貼り付けの際に、原単位分母等を入力してもらうようにする</t>
    <rPh sb="76" eb="78">
      <t>シュツリョク</t>
    </rPh>
    <rPh sb="78" eb="80">
      <t>ヨウシキ</t>
    </rPh>
    <rPh sb="88" eb="93">
      <t>ヨウキュウシヨウショ</t>
    </rPh>
    <phoneticPr fontId="1"/>
  </si>
  <si>
    <t>③報告書貼り付け後の別入力欄（法人情報変更有無、事業者区分、自動車欄）の追加
【出力様式】D1:E1、F1:I4、H5:I151
※報告書へのデータ貼り付けの際に、ユーザーが別途入力するため、排出量管理システムからの出力情報は特になし。（入力欄の枠のみ出力）</t>
    <phoneticPr fontId="1"/>
  </si>
  <si>
    <r>
      <t>■「横浜市内</t>
    </r>
    <r>
      <rPr>
        <sz val="12"/>
        <rFont val="ＭＳ 明朝"/>
        <family val="1"/>
        <charset val="128"/>
      </rPr>
      <t>（非エネルギー管理指定工場等含む全事業所）</t>
    </r>
    <r>
      <rPr>
        <sz val="12"/>
        <rFont val="ＭＳ 明朝"/>
        <family val="2"/>
        <charset val="128"/>
      </rPr>
      <t>」、「川崎市内</t>
    </r>
    <r>
      <rPr>
        <sz val="12"/>
        <rFont val="ＭＳ 明朝"/>
        <family val="1"/>
        <charset val="128"/>
      </rPr>
      <t>（非エネルギー管理指定工場等含む全事業所）</t>
    </r>
    <r>
      <rPr>
        <sz val="12"/>
        <rFont val="ＭＳ 明朝"/>
        <family val="2"/>
        <charset val="128"/>
      </rPr>
      <t>」及び「県域の非エネルギー管理指定工場</t>
    </r>
    <r>
      <rPr>
        <sz val="12"/>
        <rFont val="ＭＳ 明朝"/>
        <family val="1"/>
        <charset val="128"/>
      </rPr>
      <t>等</t>
    </r>
    <r>
      <rPr>
        <sz val="12"/>
        <rFont val="ＭＳ 明朝"/>
        <family val="2"/>
        <charset val="128"/>
      </rPr>
      <t>」について、複数の事業所や工場をまとめて１つの拠点としている場合は、合算したままでも可（その場合、「所在地」は空欄とする）
■「横浜市内」、「川崎市内」及び「県域の非エネルギー管理指定工場</t>
    </r>
    <r>
      <rPr>
        <sz val="12"/>
        <rFont val="ＭＳ 明朝"/>
        <family val="1"/>
        <charset val="128"/>
      </rPr>
      <t>等</t>
    </r>
    <r>
      <rPr>
        <sz val="12"/>
        <rFont val="ＭＳ 明朝"/>
        <family val="2"/>
        <charset val="128"/>
      </rPr>
      <t xml:space="preserve">」について、排出量管理システムに「所在地」の情報がない場合は、空欄でも可
</t>
    </r>
    <r>
      <rPr>
        <sz val="12"/>
        <rFont val="ＭＳ 明朝"/>
        <family val="1"/>
        <charset val="128"/>
      </rPr>
      <t>■次の場合には、報告書作成時にユーザーが手入力することとするため、拠点別の原単位分母等の出力（K-02.02.06）を必須としない
・ユーザーが県域及び全県で単一の原単位の設定を希望する場合</t>
    </r>
    <rPh sb="74" eb="75">
      <t>トウ</t>
    </rPh>
    <rPh sb="117" eb="118">
      <t>カ</t>
    </rPh>
    <rPh sb="121" eb="123">
      <t>バアイ</t>
    </rPh>
    <rPh sb="125" eb="128">
      <t>ショザイチ</t>
    </rPh>
    <rPh sb="130" eb="132">
      <t>クウラン</t>
    </rPh>
    <rPh sb="176" eb="181">
      <t>ハイシュツリョウカンリ</t>
    </rPh>
    <rPh sb="187" eb="190">
      <t>ショザイチ</t>
    </rPh>
    <rPh sb="192" eb="194">
      <t>ジョウホウ</t>
    </rPh>
    <rPh sb="197" eb="199">
      <t>バアイ</t>
    </rPh>
    <rPh sb="201" eb="203">
      <t>クウラン</t>
    </rPh>
    <rPh sb="205" eb="206">
      <t>カ</t>
    </rPh>
    <rPh sb="215" eb="218">
      <t>ホウコクショ</t>
    </rPh>
    <rPh sb="218" eb="220">
      <t>サクセイ</t>
    </rPh>
    <rPh sb="220" eb="221">
      <t>ジ</t>
    </rPh>
    <rPh sb="227" eb="228">
      <t>テ</t>
    </rPh>
    <rPh sb="228" eb="230">
      <t>ニュウリョク</t>
    </rPh>
    <rPh sb="240" eb="242">
      <t>キョテン</t>
    </rPh>
    <rPh sb="242" eb="243">
      <t>ベツ</t>
    </rPh>
    <rPh sb="251" eb="253">
      <t>シュツリョク</t>
    </rPh>
    <rPh sb="266" eb="268">
      <t>ヒッス</t>
    </rPh>
    <phoneticPr fontId="1"/>
  </si>
  <si>
    <t>①排出係数の欄の追加
　電気及びガスの排出係数について、記載欄の行数が足りなくなるおそれがあったため、追加
　ガス：５行⇒10行（【出力様式】108～112行目）
　電気：15行⇒30行（【出力様式】137～151行目)</t>
    <phoneticPr fontId="1"/>
  </si>
  <si>
    <r>
      <t>⑤CSV出力を前提として、コピー&amp;ペーストしやすくするため、セルの結合を解除するとともに、配置等を一部変更
【出力様式（変更箇所）】</t>
    </r>
    <r>
      <rPr>
        <sz val="12"/>
        <rFont val="ＭＳ 明朝"/>
        <family val="1"/>
        <charset val="128"/>
      </rPr>
      <t>D36, D43, D54, D55, D64, C70:D72, D77, D80, C91, C93, D95:D98, A103:A151, 変更前5行目削除</t>
    </r>
    <rPh sb="4" eb="6">
      <t>シュツリョク</t>
    </rPh>
    <rPh sb="7" eb="9">
      <t>ゼンテイ</t>
    </rPh>
    <rPh sb="33" eb="35">
      <t>ケツゴウ</t>
    </rPh>
    <rPh sb="36" eb="38">
      <t>カイジョ</t>
    </rPh>
    <rPh sb="45" eb="47">
      <t>ハイチ</t>
    </rPh>
    <rPh sb="47" eb="48">
      <t>トウ</t>
    </rPh>
    <rPh sb="49" eb="51">
      <t>イチブ</t>
    </rPh>
    <rPh sb="51" eb="53">
      <t>ヘンコウ</t>
    </rPh>
    <rPh sb="55" eb="57">
      <t>シュツリョク</t>
    </rPh>
    <rPh sb="57" eb="59">
      <t>ヨウシキ</t>
    </rPh>
    <rPh sb="60" eb="62">
      <t>ヘンコウ</t>
    </rPh>
    <rPh sb="62" eb="64">
      <t>カショ</t>
    </rPh>
    <phoneticPr fontId="1"/>
  </si>
  <si>
    <t>入力補助</t>
    <rPh sb="0" eb="2">
      <t>ニュウリョク</t>
    </rPh>
    <rPh sb="2" eb="4">
      <t>ホジョ</t>
    </rPh>
    <phoneticPr fontId="0"/>
  </si>
  <si>
    <t>自動車</t>
    <rPh sb="0" eb="3">
      <t>ジドウシャ</t>
    </rPh>
    <phoneticPr fontId="12"/>
  </si>
  <si>
    <t>（３号該当事業者）</t>
    <rPh sb="2" eb="3">
      <t>ゴウ</t>
    </rPh>
    <rPh sb="3" eb="5">
      <t>ガイトウ</t>
    </rPh>
    <rPh sb="5" eb="7">
      <t>ジギョウ</t>
    </rPh>
    <rPh sb="7" eb="8">
      <t>シャ</t>
    </rPh>
    <phoneticPr fontId="12"/>
  </si>
  <si>
    <t>横浜・川崎</t>
    <rPh sb="0" eb="2">
      <t>ヨコハマ</t>
    </rPh>
    <rPh sb="3" eb="5">
      <t>カワサキ</t>
    </rPh>
    <phoneticPr fontId="12"/>
  </si>
  <si>
    <t>県域</t>
    <rPh sb="0" eb="2">
      <t>ケンイキ</t>
    </rPh>
    <phoneticPr fontId="12"/>
  </si>
  <si>
    <t>使用量</t>
    <rPh sb="0" eb="3">
      <t>シヨウリョウ</t>
    </rPh>
    <phoneticPr fontId="12"/>
  </si>
  <si>
    <t>エネルギー種別の</t>
    <rPh sb="5" eb="7">
      <t>シュベツ</t>
    </rPh>
    <phoneticPr fontId="12"/>
  </si>
  <si>
    <t>発熱量・排出係数</t>
    <rPh sb="0" eb="2">
      <t>ハツネツ</t>
    </rPh>
    <rPh sb="2" eb="3">
      <t>リョウ</t>
    </rPh>
    <rPh sb="4" eb="6">
      <t>ハイシュツ</t>
    </rPh>
    <rPh sb="6" eb="8">
      <t>ケイスウ</t>
    </rPh>
    <phoneticPr fontId="12"/>
  </si>
  <si>
    <t>単位発熱量</t>
  </si>
  <si>
    <t>排出係数</t>
  </si>
  <si>
    <t>GJ/単位</t>
    <rPh sb="3" eb="5">
      <t>タンイ</t>
    </rPh>
    <phoneticPr fontId="12"/>
  </si>
  <si>
    <t>区分</t>
    <rPh sb="0" eb="2">
      <t>クブン</t>
    </rPh>
    <phoneticPr fontId="12"/>
  </si>
  <si>
    <t>区域</t>
    <rPh sb="0" eb="2">
      <t>クイキ</t>
    </rPh>
    <phoneticPr fontId="12"/>
  </si>
  <si>
    <t>・区域は、横浜市・川崎市とそれ以外の県域を区分</t>
    <rPh sb="1" eb="3">
      <t>クイキ</t>
    </rPh>
    <rPh sb="5" eb="7">
      <t>ヨコハマ</t>
    </rPh>
    <rPh sb="7" eb="8">
      <t>シ</t>
    </rPh>
    <rPh sb="9" eb="12">
      <t>カワサキシ</t>
    </rPh>
    <rPh sb="15" eb="17">
      <t>イガイ</t>
    </rPh>
    <rPh sb="18" eb="20">
      <t>ケンイキ</t>
    </rPh>
    <rPh sb="21" eb="23">
      <t>クブン</t>
    </rPh>
    <phoneticPr fontId="12"/>
  </si>
  <si>
    <t>事業所名</t>
    <rPh sb="0" eb="2">
      <t>ジギョウ</t>
    </rPh>
    <rPh sb="2" eb="3">
      <t>ショ</t>
    </rPh>
    <rPh sb="3" eb="4">
      <t>メイ</t>
    </rPh>
    <phoneticPr fontId="12"/>
  </si>
  <si>
    <t>・エネルギーの種類は、省エネ法定期報告・温対法ＳＨＫ制度に準じる</t>
    <phoneticPr fontId="12"/>
  </si>
  <si>
    <t>所在地</t>
    <rPh sb="0" eb="3">
      <t>ショザイチ</t>
    </rPh>
    <phoneticPr fontId="12"/>
  </si>
  <si>
    <t>エネルギーの種類</t>
    <rPh sb="6" eb="8">
      <t>シュルイ</t>
    </rPh>
    <phoneticPr fontId="13"/>
  </si>
  <si>
    <t>単位</t>
    <rPh sb="0" eb="2">
      <t>タンイ</t>
    </rPh>
    <phoneticPr fontId="13"/>
  </si>
  <si>
    <t>Ｊ－クレジット</t>
  </si>
  <si>
    <t>その他</t>
    <rPh sb="2" eb="3">
      <t>タ</t>
    </rPh>
    <phoneticPr fontId="12"/>
  </si>
  <si>
    <t>03</t>
    <phoneticPr fontId="1"/>
  </si>
  <si>
    <t>K-03.01.02</t>
    <phoneticPr fontId="1"/>
  </si>
  <si>
    <t>非化石電源二酸化炭素削減相当量の算出に用いる報告対象年度における「全国平均係数」、「補正率（FIT/非FIT）」を抽出する。</t>
    <rPh sb="16" eb="18">
      <t>サンシュツ</t>
    </rPh>
    <rPh sb="19" eb="20">
      <t>モチ</t>
    </rPh>
    <rPh sb="22" eb="24">
      <t>ホウコク</t>
    </rPh>
    <rPh sb="24" eb="26">
      <t>タイショウ</t>
    </rPh>
    <rPh sb="26" eb="28">
      <t>ネンド</t>
    </rPh>
    <rPh sb="33" eb="35">
      <t>ゼンコク</t>
    </rPh>
    <rPh sb="35" eb="37">
      <t>ヘイキン</t>
    </rPh>
    <rPh sb="37" eb="39">
      <t>ケイスウ</t>
    </rPh>
    <rPh sb="42" eb="44">
      <t>ホセイ</t>
    </rPh>
    <rPh sb="44" eb="45">
      <t>リツ</t>
    </rPh>
    <rPh sb="50" eb="51">
      <t>ヒ</t>
    </rPh>
    <rPh sb="57" eb="59">
      <t>チュウシュツ</t>
    </rPh>
    <phoneticPr fontId="1"/>
  </si>
  <si>
    <t>FIT非化石証書</t>
    <phoneticPr fontId="1"/>
  </si>
  <si>
    <t>再エネ電力由来(t-CO2)</t>
    <rPh sb="0" eb="1">
      <t>サイ</t>
    </rPh>
    <rPh sb="3" eb="5">
      <t>デンリョク</t>
    </rPh>
    <rPh sb="5" eb="7">
      <t>ユライ</t>
    </rPh>
    <phoneticPr fontId="12"/>
  </si>
  <si>
    <t>再エネ電力由来(kWh)</t>
    <phoneticPr fontId="1"/>
  </si>
  <si>
    <t>再エネ熱由来(t-CO2)</t>
    <rPh sb="0" eb="1">
      <t>サイ</t>
    </rPh>
    <rPh sb="3" eb="4">
      <t>ネツ</t>
    </rPh>
    <rPh sb="4" eb="6">
      <t>ユライ</t>
    </rPh>
    <phoneticPr fontId="12"/>
  </si>
  <si>
    <t>kWh</t>
    <phoneticPr fontId="1"/>
  </si>
  <si>
    <t>再エネ熱由来(GJ)</t>
    <rPh sb="0" eb="1">
      <t>サイ</t>
    </rPh>
    <rPh sb="3" eb="4">
      <t>ネツ</t>
    </rPh>
    <rPh sb="4" eb="6">
      <t>ユライ</t>
    </rPh>
    <phoneticPr fontId="12"/>
  </si>
  <si>
    <t>GJ</t>
    <phoneticPr fontId="12"/>
  </si>
  <si>
    <t>グリーン電力証書(kWh)</t>
    <rPh sb="4" eb="6">
      <t>デンリョク</t>
    </rPh>
    <rPh sb="6" eb="8">
      <t>ショウショ</t>
    </rPh>
    <phoneticPr fontId="1"/>
  </si>
  <si>
    <t>グリーン電力証書(t-CO2)</t>
    <rPh sb="4" eb="6">
      <t>デンリョク</t>
    </rPh>
    <rPh sb="6" eb="8">
      <t>ショウショ</t>
    </rPh>
    <phoneticPr fontId="1"/>
  </si>
  <si>
    <t>グリーン熱証書(t-CO2)</t>
    <rPh sb="4" eb="5">
      <t>ネツ</t>
    </rPh>
    <rPh sb="5" eb="7">
      <t>ショウショ</t>
    </rPh>
    <phoneticPr fontId="1"/>
  </si>
  <si>
    <t>グリーン熱証書(GJ)</t>
    <rPh sb="4" eb="5">
      <t>ネツ</t>
    </rPh>
    <rPh sb="5" eb="7">
      <t>ショウショ</t>
    </rPh>
    <phoneticPr fontId="1"/>
  </si>
  <si>
    <t>GJ</t>
    <phoneticPr fontId="1"/>
  </si>
  <si>
    <t>非FIT非化石証書（再エネ指定あり）</t>
    <phoneticPr fontId="1"/>
  </si>
  <si>
    <t>非FIT非化石証書（再エネ指定なし）</t>
    <phoneticPr fontId="1"/>
  </si>
  <si>
    <t>FIT補正率</t>
    <rPh sb="3" eb="5">
      <t>ホセイ</t>
    </rPh>
    <rPh sb="5" eb="6">
      <t>リツ</t>
    </rPh>
    <phoneticPr fontId="1"/>
  </si>
  <si>
    <t>全国平均係数
(t-CO2/kWh)</t>
    <rPh sb="0" eb="2">
      <t>ゼンコク</t>
    </rPh>
    <rPh sb="2" eb="4">
      <t>ヘイキン</t>
    </rPh>
    <rPh sb="4" eb="6">
      <t>ケイスウ</t>
    </rPh>
    <phoneticPr fontId="12"/>
  </si>
  <si>
    <t>種類</t>
    <rPh sb="0" eb="2">
      <t>シュルイ</t>
    </rPh>
    <phoneticPr fontId="1"/>
  </si>
  <si>
    <t>非FIT補正率</t>
    <rPh sb="4" eb="6">
      <t>ホセイ</t>
    </rPh>
    <rPh sb="6" eb="7">
      <t>リツ</t>
    </rPh>
    <phoneticPr fontId="1"/>
  </si>
  <si>
    <t>②事業所所在地の出力欄の位置の修正
【出力様式】７行目を新たに挿入（行挿入に伴い５，６行目の記載位置等も修正）
※報告書への貼り付け後にデータ修正する可能性を想定して、事業所名及び所在地の記入欄を広くとるため。</t>
    <rPh sb="19" eb="21">
      <t>シュツリョク</t>
    </rPh>
    <rPh sb="21" eb="23">
      <t>ヨウシキ</t>
    </rPh>
    <rPh sb="25" eb="27">
      <t>ギョウメ</t>
    </rPh>
    <rPh sb="28" eb="29">
      <t>アラ</t>
    </rPh>
    <rPh sb="31" eb="33">
      <t>ソウニュウ</t>
    </rPh>
    <rPh sb="34" eb="35">
      <t>ギョウ</t>
    </rPh>
    <rPh sb="35" eb="37">
      <t>ソウニュウ</t>
    </rPh>
    <rPh sb="38" eb="39">
      <t>トモナ</t>
    </rPh>
    <rPh sb="43" eb="45">
      <t>ギョウメ</t>
    </rPh>
    <rPh sb="46" eb="48">
      <t>キサイ</t>
    </rPh>
    <rPh sb="48" eb="50">
      <t>イチ</t>
    </rPh>
    <rPh sb="50" eb="51">
      <t>トウ</t>
    </rPh>
    <rPh sb="52" eb="54">
      <t>シュウセイ</t>
    </rPh>
    <rPh sb="57" eb="60">
      <t>ホウコクショ</t>
    </rPh>
    <rPh sb="62" eb="63">
      <t>ハ</t>
    </rPh>
    <rPh sb="64" eb="65">
      <t>ツ</t>
    </rPh>
    <rPh sb="66" eb="67">
      <t>ゴ</t>
    </rPh>
    <rPh sb="71" eb="73">
      <t>シュウセイ</t>
    </rPh>
    <rPh sb="75" eb="78">
      <t>カノウセイ</t>
    </rPh>
    <rPh sb="79" eb="81">
      <t>ソウテイ</t>
    </rPh>
    <rPh sb="84" eb="86">
      <t>ジギョウ</t>
    </rPh>
    <rPh sb="86" eb="87">
      <t>ショ</t>
    </rPh>
    <rPh sb="87" eb="88">
      <t>メイ</t>
    </rPh>
    <rPh sb="88" eb="89">
      <t>オヨ</t>
    </rPh>
    <rPh sb="90" eb="93">
      <t>ショザイチ</t>
    </rPh>
    <rPh sb="94" eb="96">
      <t>キニュウ</t>
    </rPh>
    <rPh sb="96" eb="97">
      <t>ラン</t>
    </rPh>
    <rPh sb="98" eb="99">
      <t>ヒロ</t>
    </rPh>
    <phoneticPr fontId="1"/>
  </si>
  <si>
    <t>④クレジット等の出力欄が合算値の記載であることを明記
【出力様式】旧I152:K165, M152:O165, Q152:S165を削除
【要求仕様書】72・73行目修正</t>
    <rPh sb="6" eb="7">
      <t>トウ</t>
    </rPh>
    <rPh sb="8" eb="10">
      <t>シュツリョク</t>
    </rPh>
    <rPh sb="10" eb="11">
      <t>ラン</t>
    </rPh>
    <rPh sb="12" eb="14">
      <t>ガッサン</t>
    </rPh>
    <rPh sb="14" eb="15">
      <t>チ</t>
    </rPh>
    <rPh sb="16" eb="18">
      <t>キサイ</t>
    </rPh>
    <rPh sb="24" eb="26">
      <t>メイキ</t>
    </rPh>
    <rPh sb="28" eb="30">
      <t>シュツリョク</t>
    </rPh>
    <rPh sb="30" eb="32">
      <t>ヨウシキ</t>
    </rPh>
    <rPh sb="33" eb="34">
      <t>キュウ</t>
    </rPh>
    <rPh sb="66" eb="68">
      <t>サクジョ</t>
    </rPh>
    <phoneticPr fontId="1"/>
  </si>
  <si>
    <t>⑤非化石証書の種類の名称の修正
【出力様式】C167:C169</t>
    <rPh sb="1" eb="2">
      <t>ヒ</t>
    </rPh>
    <rPh sb="2" eb="4">
      <t>カセキ</t>
    </rPh>
    <rPh sb="4" eb="6">
      <t>ショウショ</t>
    </rPh>
    <rPh sb="7" eb="9">
      <t>シュルイ</t>
    </rPh>
    <phoneticPr fontId="1"/>
  </si>
  <si>
    <t>⑥排出係数欄等が不足した場合の予備欄を追加し、要求仕様書に注書きを追加。
【出力様式】170～199行目、【要求仕様書】57行目</t>
    <rPh sb="1" eb="3">
      <t>ハイシュツ</t>
    </rPh>
    <rPh sb="3" eb="5">
      <t>ケイスウ</t>
    </rPh>
    <rPh sb="5" eb="6">
      <t>ラン</t>
    </rPh>
    <rPh sb="6" eb="7">
      <t>トウ</t>
    </rPh>
    <rPh sb="8" eb="10">
      <t>フソク</t>
    </rPh>
    <rPh sb="12" eb="14">
      <t>バアイ</t>
    </rPh>
    <rPh sb="15" eb="17">
      <t>ヨビ</t>
    </rPh>
    <rPh sb="17" eb="18">
      <t>ラン</t>
    </rPh>
    <rPh sb="19" eb="21">
      <t>ツイカ</t>
    </rPh>
    <rPh sb="23" eb="25">
      <t>ヨウキュウ</t>
    </rPh>
    <rPh sb="25" eb="27">
      <t>シヨウ</t>
    </rPh>
    <rPh sb="27" eb="28">
      <t>ショ</t>
    </rPh>
    <rPh sb="29" eb="30">
      <t>チュウ</t>
    </rPh>
    <rPh sb="30" eb="31">
      <t>ガ</t>
    </rPh>
    <rPh sb="33" eb="35">
      <t>ツイカ</t>
    </rPh>
    <rPh sb="38" eb="43">
      <t>シュツリョクヨウシキ」</t>
    </rPh>
    <rPh sb="54" eb="59">
      <t>ヨウキュウシヨウショ</t>
    </rPh>
    <rPh sb="62" eb="64">
      <t>ギョウメ</t>
    </rPh>
    <phoneticPr fontId="1"/>
  </si>
  <si>
    <t>⑦メニュー別の未利用熱記入欄が抜けていたのを修正 
【出力様式】M114:M122など</t>
    <rPh sb="5" eb="6">
      <t>ベツ</t>
    </rPh>
    <rPh sb="7" eb="10">
      <t>ミリヨウ</t>
    </rPh>
    <rPh sb="10" eb="11">
      <t>ネツ</t>
    </rPh>
    <rPh sb="11" eb="13">
      <t>キニュウ</t>
    </rPh>
    <rPh sb="13" eb="14">
      <t>ラン</t>
    </rPh>
    <rPh sb="15" eb="16">
      <t>ヌ</t>
    </rPh>
    <rPh sb="22" eb="24">
      <t>シュウセイ</t>
    </rPh>
    <rPh sb="27" eb="32">
      <t>シュツリョクヨウシキ」</t>
    </rPh>
    <phoneticPr fontId="1"/>
  </si>
  <si>
    <t>県域の削減量(自）</t>
    <rPh sb="7" eb="8">
      <t>ジ</t>
    </rPh>
    <phoneticPr fontId="3"/>
  </si>
  <si>
    <t>横浜市内の削減量（自）</t>
    <rPh sb="9" eb="10">
      <t>ジ</t>
    </rPh>
    <phoneticPr fontId="3"/>
  </si>
  <si>
    <t>川崎市内の削減量（自）</t>
    <rPh sb="0" eb="3">
      <t>カワサキシ</t>
    </rPh>
    <rPh sb="3" eb="4">
      <t>ナイ</t>
    </rPh>
    <rPh sb="5" eb="7">
      <t>サクゲン</t>
    </rPh>
    <rPh sb="7" eb="8">
      <t>リョウ</t>
    </rPh>
    <rPh sb="9" eb="10">
      <t>ジ</t>
    </rPh>
    <phoneticPr fontId="3"/>
  </si>
  <si>
    <t>①報告書貼り付け後に使用する入力欄（入力補助）の追加
【出力様式】M1:M4, K153:M169
※報告書へのデータ貼り付けの際に、使用するため、排出量管理システムからの出力情報は特になし。（入力欄の枠のみ出力）</t>
    <rPh sb="10" eb="12">
      <t>シヨウ</t>
    </rPh>
    <rPh sb="18" eb="20">
      <t>ニュウリョク</t>
    </rPh>
    <rPh sb="20" eb="22">
      <t>ホジョ</t>
    </rPh>
    <rPh sb="67" eb="69">
      <t>シヨウ</t>
    </rPh>
    <phoneticPr fontId="1"/>
  </si>
  <si>
    <t>③クレジット等に項目追加（全国平均係数・補正率、Ｊ－クレジット種別、グリーンエネルギーCO2削減相当量のGJ・kWh単位の記載欄）及び削除（非化石証書の二酸化炭素削減相当量:t-CO2の欄）
【出力様式】N167:O169, 156～160行目（追加）、162・164行目（追加）、旧161・163・165行目（削除）
【要求仕様書】71行目追加、72・73行目修正</t>
    <rPh sb="6" eb="7">
      <t>トウ</t>
    </rPh>
    <rPh sb="8" eb="10">
      <t>コウモク</t>
    </rPh>
    <rPh sb="10" eb="12">
      <t>ツイカ</t>
    </rPh>
    <rPh sb="13" eb="15">
      <t>ゼンコク</t>
    </rPh>
    <rPh sb="15" eb="17">
      <t>ヘイキン</t>
    </rPh>
    <rPh sb="17" eb="19">
      <t>ケイスウ</t>
    </rPh>
    <rPh sb="20" eb="22">
      <t>ホセイ</t>
    </rPh>
    <rPh sb="22" eb="23">
      <t>リツ</t>
    </rPh>
    <rPh sb="31" eb="33">
      <t>シュベツ</t>
    </rPh>
    <rPh sb="65" eb="66">
      <t>オヨ</t>
    </rPh>
    <rPh sb="67" eb="69">
      <t>サクジョ</t>
    </rPh>
    <rPh sb="97" eb="101">
      <t>シュツリョクヨウシキ</t>
    </rPh>
    <rPh sb="120" eb="122">
      <t>ギョウメ</t>
    </rPh>
    <rPh sb="123" eb="125">
      <t>ツイカ</t>
    </rPh>
    <rPh sb="134" eb="136">
      <t>ギョウメ</t>
    </rPh>
    <rPh sb="137" eb="139">
      <t>ツイカ</t>
    </rPh>
    <rPh sb="141" eb="142">
      <t>キュウ</t>
    </rPh>
    <rPh sb="153" eb="155">
      <t>ギョウメ</t>
    </rPh>
    <rPh sb="156" eb="158">
      <t>サクジョ</t>
    </rPh>
    <rPh sb="161" eb="163">
      <t>ヨウキュウ</t>
    </rPh>
    <rPh sb="163" eb="166">
      <t>シヨウショ</t>
    </rPh>
    <rPh sb="169" eb="171">
      <t>ギョウメ</t>
    </rPh>
    <rPh sb="171" eb="173">
      <t>ツイカ</t>
    </rPh>
    <rPh sb="179" eb="181">
      <t>ギョウメ</t>
    </rPh>
    <rPh sb="181" eb="183">
      <t>シュウセイ</t>
    </rPh>
    <phoneticPr fontId="1"/>
  </si>
  <si>
    <r>
      <t xml:space="preserve">■出力様式の行は、固定として、加除しないこと
</t>
    </r>
    <r>
      <rPr>
        <sz val="12"/>
        <rFont val="ＭＳ 明朝"/>
        <family val="1"/>
        <charset val="128"/>
      </rPr>
      <t>■排出係数等の種数が出力様式の枠数（ガス10, 蒸気3, 温水3, 冷水3, 電気30）を超える場合は、予備行170～199行目に種別の連番（ガス11～, 蒸気4～, 温水4～, 冷水4～, 電気31～）を付して記載すること。</t>
    </r>
    <rPh sb="1" eb="3">
      <t>シュツリョク</t>
    </rPh>
    <rPh sb="3" eb="5">
      <t>ヨウシキ</t>
    </rPh>
    <rPh sb="6" eb="7">
      <t>ギョウ</t>
    </rPh>
    <rPh sb="9" eb="11">
      <t>コテイ</t>
    </rPh>
    <rPh sb="15" eb="17">
      <t>カジョ</t>
    </rPh>
    <rPh sb="24" eb="26">
      <t>ハイシュツ</t>
    </rPh>
    <rPh sb="26" eb="28">
      <t>ケイスウ</t>
    </rPh>
    <rPh sb="28" eb="29">
      <t>トウ</t>
    </rPh>
    <rPh sb="30" eb="31">
      <t>シュ</t>
    </rPh>
    <rPh sb="31" eb="32">
      <t>スウ</t>
    </rPh>
    <rPh sb="33" eb="35">
      <t>シュツリョク</t>
    </rPh>
    <rPh sb="35" eb="37">
      <t>ヨウシキ</t>
    </rPh>
    <rPh sb="38" eb="39">
      <t>ワク</t>
    </rPh>
    <rPh sb="39" eb="40">
      <t>スウ</t>
    </rPh>
    <rPh sb="47" eb="49">
      <t>ジョウキ</t>
    </rPh>
    <rPh sb="52" eb="54">
      <t>オンスイ</t>
    </rPh>
    <rPh sb="57" eb="59">
      <t>レイスイ</t>
    </rPh>
    <rPh sb="62" eb="64">
      <t>デンキ</t>
    </rPh>
    <rPh sb="68" eb="69">
      <t>コ</t>
    </rPh>
    <rPh sb="71" eb="73">
      <t>バアイ</t>
    </rPh>
    <rPh sb="75" eb="77">
      <t>ヨビ</t>
    </rPh>
    <rPh sb="77" eb="78">
      <t>ギョウ</t>
    </rPh>
    <rPh sb="85" eb="87">
      <t>ギョウメ</t>
    </rPh>
    <rPh sb="88" eb="90">
      <t>シュベツ</t>
    </rPh>
    <rPh sb="91" eb="93">
      <t>レンバン</t>
    </rPh>
    <rPh sb="126" eb="127">
      <t>フ</t>
    </rPh>
    <rPh sb="129" eb="131">
      <t>キサイ</t>
    </rPh>
    <phoneticPr fontId="1"/>
  </si>
  <si>
    <r>
      <t>K-03.01.</t>
    </r>
    <r>
      <rPr>
        <sz val="12"/>
        <rFont val="ＭＳ 明朝"/>
        <family val="1"/>
        <charset val="128"/>
      </rPr>
      <t>03</t>
    </r>
    <phoneticPr fontId="1"/>
  </si>
  <si>
    <r>
      <t>ユーザーが、抽出したクレジット等から、「県域の削減量」、「横浜市内の削減量」、「川崎市内の削減量」とする分に振り分け、</t>
    </r>
    <r>
      <rPr>
        <sz val="12"/>
        <rFont val="ＭＳ 明朝"/>
        <family val="1"/>
        <charset val="128"/>
      </rPr>
      <t>それぞれの合算値を算出する</t>
    </r>
    <rPh sb="29" eb="32">
      <t>ヨコハマシ</t>
    </rPh>
    <rPh sb="32" eb="33">
      <t>ナイ</t>
    </rPh>
    <rPh sb="34" eb="36">
      <t>サクゲン</t>
    </rPh>
    <rPh sb="36" eb="37">
      <t>リョウ</t>
    </rPh>
    <rPh sb="40" eb="43">
      <t>カワサキシ</t>
    </rPh>
    <rPh sb="43" eb="44">
      <t>ナイ</t>
    </rPh>
    <rPh sb="54" eb="55">
      <t>フ</t>
    </rPh>
    <rPh sb="56" eb="57">
      <t>ワ</t>
    </rPh>
    <rPh sb="66" eb="67">
      <t>チ</t>
    </rPh>
    <rPh sb="68" eb="70">
      <t>サンシュツ</t>
    </rPh>
    <phoneticPr fontId="1"/>
  </si>
  <si>
    <r>
      <t>K-03.01.</t>
    </r>
    <r>
      <rPr>
        <sz val="12"/>
        <rFont val="ＭＳ 明朝"/>
        <family val="1"/>
        <charset val="128"/>
      </rPr>
      <t>04</t>
    </r>
    <phoneticPr fontId="1"/>
  </si>
  <si>
    <r>
      <t>選択したクレジット等の</t>
    </r>
    <r>
      <rPr>
        <sz val="12"/>
        <rFont val="ＭＳ 明朝"/>
        <family val="1"/>
        <charset val="128"/>
      </rPr>
      <t>合算値</t>
    </r>
    <r>
      <rPr>
        <sz val="12"/>
        <rFont val="ＭＳ 明朝"/>
        <family val="2"/>
        <charset val="128"/>
      </rPr>
      <t>等を出力様式に表形式で出力する</t>
    </r>
    <rPh sb="0" eb="2">
      <t>センタク</t>
    </rPh>
    <rPh sb="9" eb="10">
      <t>トウ</t>
    </rPh>
    <rPh sb="11" eb="13">
      <t>ガッサン</t>
    </rPh>
    <rPh sb="13" eb="14">
      <t>チ</t>
    </rPh>
    <rPh sb="14" eb="15">
      <t>トウ</t>
    </rPh>
    <rPh sb="16" eb="18">
      <t>シュツリョク</t>
    </rPh>
    <rPh sb="18" eb="20">
      <t>ヨウシキ</t>
    </rPh>
    <rPh sb="21" eb="24">
      <t>ヒョウケイシキ</t>
    </rPh>
    <rPh sb="25" eb="27">
      <t>シュツリ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
    <numFmt numFmtId="177" formatCode="[$-F800]dddd\,\ mmmm\ dd\,\ yyyy"/>
  </numFmts>
  <fonts count="14">
    <font>
      <sz val="12"/>
      <color theme="1"/>
      <name val="ＭＳ 明朝"/>
      <family val="2"/>
      <charset val="128"/>
    </font>
    <font>
      <sz val="6"/>
      <name val="ＭＳ 明朝"/>
      <family val="2"/>
      <charset val="128"/>
    </font>
    <font>
      <sz val="18"/>
      <color theme="3"/>
      <name val="游ゴシック Light"/>
      <family val="2"/>
      <charset val="128"/>
      <scheme val="major"/>
    </font>
    <font>
      <sz val="12"/>
      <color rgb="FF9C6500"/>
      <name val="ＭＳ 明朝"/>
      <family val="2"/>
      <charset val="128"/>
    </font>
    <font>
      <sz val="12"/>
      <color rgb="FF3F3F76"/>
      <name val="ＭＳ 明朝"/>
      <family val="2"/>
      <charset val="128"/>
    </font>
    <font>
      <b/>
      <sz val="9"/>
      <color indexed="81"/>
      <name val="MS P ゴシック"/>
      <family val="3"/>
      <charset val="128"/>
    </font>
    <font>
      <sz val="12"/>
      <name val="ＭＳ 明朝"/>
      <family val="2"/>
      <charset val="128"/>
    </font>
    <font>
      <sz val="12"/>
      <name val="ＭＳ 明朝"/>
      <family val="1"/>
      <charset val="128"/>
    </font>
    <font>
      <sz val="12"/>
      <name val="BIZ UDPゴシック"/>
      <family val="3"/>
      <charset val="128"/>
    </font>
    <font>
      <sz val="12"/>
      <color theme="1"/>
      <name val="ＭＳ 明朝"/>
      <family val="1"/>
      <charset val="128"/>
    </font>
    <font>
      <sz val="12"/>
      <color theme="1"/>
      <name val="BIZ UDPゴシック"/>
      <family val="3"/>
      <charset val="128"/>
    </font>
    <font>
      <sz val="9"/>
      <color indexed="81"/>
      <name val="MS P ゴシック"/>
      <family val="3"/>
      <charset val="128"/>
    </font>
    <font>
      <sz val="6"/>
      <name val="游ゴシック"/>
      <family val="3"/>
      <charset val="128"/>
      <scheme val="minor"/>
    </font>
    <font>
      <b/>
      <sz val="18"/>
      <color theme="0"/>
      <name val="游ゴシック"/>
      <family val="3"/>
      <charset val="128"/>
      <scheme val="minor"/>
    </font>
  </fonts>
  <fills count="5">
    <fill>
      <patternFill patternType="none"/>
    </fill>
    <fill>
      <patternFill patternType="gray125"/>
    </fill>
    <fill>
      <patternFill patternType="solid">
        <fgColor rgb="FFFFFFCC"/>
        <bgColor indexed="64"/>
      </patternFill>
    </fill>
    <fill>
      <patternFill patternType="solid">
        <fgColor rgb="FFCCFFFF"/>
        <bgColor indexed="64"/>
      </patternFill>
    </fill>
    <fill>
      <patternFill patternType="solid">
        <fgColor theme="4" tint="0.79998168889431442"/>
        <bgColor indexed="64"/>
      </patternFill>
    </fill>
  </fills>
  <borders count="144">
    <border>
      <left/>
      <right/>
      <top/>
      <bottom/>
      <diagonal/>
    </border>
    <border>
      <left style="thin">
        <color auto="1"/>
      </left>
      <right style="hair">
        <color auto="1"/>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hair">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style="hair">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bottom style="thin">
        <color auto="1"/>
      </bottom>
      <diagonal/>
    </border>
    <border>
      <left style="thin">
        <color auto="1"/>
      </left>
      <right style="hair">
        <color auto="1"/>
      </right>
      <top style="thin">
        <color auto="1"/>
      </top>
      <bottom/>
      <diagonal/>
    </border>
    <border>
      <left style="thin">
        <color auto="1"/>
      </left>
      <right style="hair">
        <color auto="1"/>
      </right>
      <top/>
      <bottom/>
      <diagonal/>
    </border>
    <border>
      <left style="hair">
        <color auto="1"/>
      </left>
      <right style="hair">
        <color auto="1"/>
      </right>
      <top style="hair">
        <color auto="1"/>
      </top>
      <bottom/>
      <diagonal/>
    </border>
    <border>
      <left style="thin">
        <color auto="1"/>
      </left>
      <right/>
      <top/>
      <bottom/>
      <diagonal/>
    </border>
    <border>
      <left style="thin">
        <color auto="1"/>
      </left>
      <right/>
      <top/>
      <bottom style="thin">
        <color auto="1"/>
      </bottom>
      <diagonal/>
    </border>
    <border>
      <left style="thin">
        <color indexed="64"/>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bottom style="thin">
        <color auto="1"/>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top style="medium">
        <color indexed="64"/>
      </top>
      <bottom style="thin">
        <color indexed="64"/>
      </bottom>
      <diagonal/>
    </border>
    <border>
      <left/>
      <right style="thin">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right style="medium">
        <color indexed="64"/>
      </right>
      <top/>
      <bottom/>
      <diagonal/>
    </border>
    <border>
      <left style="medium">
        <color indexed="64"/>
      </left>
      <right/>
      <top/>
      <bottom/>
      <diagonal/>
    </border>
    <border>
      <left style="medium">
        <color indexed="64"/>
      </left>
      <right/>
      <top/>
      <bottom style="thin">
        <color indexed="64"/>
      </bottom>
      <diagonal/>
    </border>
    <border>
      <left/>
      <right/>
      <top/>
      <bottom style="thin">
        <color indexed="64"/>
      </bottom>
      <diagonal/>
    </border>
    <border>
      <left/>
      <right style="medium">
        <color indexed="64"/>
      </right>
      <top style="medium">
        <color indexed="64"/>
      </top>
      <bottom style="thin">
        <color indexed="64"/>
      </bottom>
      <diagonal/>
    </border>
    <border>
      <left style="medium">
        <color indexed="64"/>
      </left>
      <right/>
      <top style="medium">
        <color indexed="64"/>
      </top>
      <bottom/>
      <diagonal/>
    </border>
    <border>
      <left/>
      <right/>
      <top style="medium">
        <color indexed="64"/>
      </top>
      <bottom/>
      <diagonal/>
    </border>
    <border>
      <left style="hair">
        <color auto="1"/>
      </left>
      <right style="thin">
        <color auto="1"/>
      </right>
      <top/>
      <bottom/>
      <diagonal/>
    </border>
    <border>
      <left style="thin">
        <color auto="1"/>
      </left>
      <right style="thin">
        <color auto="1"/>
      </right>
      <top/>
      <bottom style="thin">
        <color indexed="64"/>
      </bottom>
      <diagonal/>
    </border>
    <border>
      <left style="thin">
        <color auto="1"/>
      </left>
      <right style="thin">
        <color auto="1"/>
      </right>
      <top/>
      <bottom/>
      <diagonal/>
    </border>
    <border>
      <left/>
      <right style="thin">
        <color indexed="64"/>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thin">
        <color indexed="64"/>
      </left>
      <right style="thin">
        <color auto="1"/>
      </right>
      <top/>
      <bottom style="medium">
        <color indexed="64"/>
      </bottom>
      <diagonal/>
    </border>
    <border>
      <left/>
      <right style="medium">
        <color indexed="64"/>
      </right>
      <top style="thin">
        <color indexed="64"/>
      </top>
      <bottom style="thin">
        <color auto="1"/>
      </bottom>
      <diagonal/>
    </border>
    <border>
      <left/>
      <right/>
      <top style="thin">
        <color indexed="64"/>
      </top>
      <bottom style="thin">
        <color auto="1"/>
      </bottom>
      <diagonal/>
    </border>
    <border>
      <left/>
      <right style="medium">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thin">
        <color auto="1"/>
      </right>
      <top style="hair">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style="thin">
        <color indexed="64"/>
      </right>
      <top style="hair">
        <color indexed="64"/>
      </top>
      <bottom style="medium">
        <color indexed="64"/>
      </bottom>
      <diagonal/>
    </border>
    <border diagonalDown="1">
      <left style="thin">
        <color indexed="64"/>
      </left>
      <right style="thin">
        <color indexed="64"/>
      </right>
      <top style="thin">
        <color indexed="64"/>
      </top>
      <bottom style="medium">
        <color indexed="64"/>
      </bottom>
      <diagonal style="thin">
        <color indexed="64"/>
      </diagonal>
    </border>
    <border diagonalDown="1">
      <left style="thin">
        <color indexed="64"/>
      </left>
      <right style="thin">
        <color indexed="64"/>
      </right>
      <top style="thin">
        <color indexed="64"/>
      </top>
      <bottom style="thin">
        <color indexed="64"/>
      </bottom>
      <diagonal style="thin">
        <color indexed="64"/>
      </diagonal>
    </border>
    <border diagonalDown="1">
      <left style="thin">
        <color indexed="64"/>
      </left>
      <right style="thin">
        <color indexed="64"/>
      </right>
      <top style="thin">
        <color indexed="64"/>
      </top>
      <bottom/>
      <diagonal style="thin">
        <color indexed="64"/>
      </diagonal>
    </border>
    <border diagonalDown="1">
      <left style="thin">
        <color indexed="64"/>
      </left>
      <right style="medium">
        <color indexed="64"/>
      </right>
      <top style="medium">
        <color indexed="64"/>
      </top>
      <bottom style="thin">
        <color indexed="64"/>
      </bottom>
      <diagonal style="thin">
        <color indexed="64"/>
      </diagonal>
    </border>
    <border diagonalDown="1">
      <left style="thin">
        <color indexed="64"/>
      </left>
      <right style="medium">
        <color indexed="64"/>
      </right>
      <top style="thin">
        <color indexed="64"/>
      </top>
      <bottom style="thin">
        <color indexed="64"/>
      </bottom>
      <diagonal style="thin">
        <color indexed="64"/>
      </diagonal>
    </border>
    <border diagonalDown="1">
      <left style="thin">
        <color indexed="64"/>
      </left>
      <right style="medium">
        <color indexed="64"/>
      </right>
      <top style="thin">
        <color indexed="64"/>
      </top>
      <bottom style="medium">
        <color indexed="64"/>
      </bottom>
      <diagonal style="thin">
        <color indexed="64"/>
      </diagonal>
    </border>
    <border>
      <left style="medium">
        <color indexed="64"/>
      </left>
      <right/>
      <top style="thin">
        <color indexed="64"/>
      </top>
      <bottom style="thin">
        <color auto="1"/>
      </bottom>
      <diagonal/>
    </border>
    <border diagonalDown="1">
      <left style="thin">
        <color indexed="64"/>
      </left>
      <right style="medium">
        <color indexed="64"/>
      </right>
      <top style="thin">
        <color indexed="64"/>
      </top>
      <bottom/>
      <diagonal style="thin">
        <color indexed="64"/>
      </diagonal>
    </border>
    <border>
      <left/>
      <right style="medium">
        <color indexed="64"/>
      </right>
      <top/>
      <bottom style="thin">
        <color indexed="64"/>
      </bottom>
      <diagonal/>
    </border>
    <border>
      <left style="thin">
        <color indexed="64"/>
      </left>
      <right style="thin">
        <color indexed="64"/>
      </right>
      <top style="thin">
        <color indexed="64"/>
      </top>
      <bottom style="hair">
        <color indexed="64"/>
      </bottom>
      <diagonal/>
    </border>
    <border>
      <left style="medium">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thin">
        <color indexed="64"/>
      </left>
      <right style="thin">
        <color auto="1"/>
      </right>
      <top style="hair">
        <color indexed="64"/>
      </top>
      <bottom style="thin">
        <color indexed="64"/>
      </bottom>
      <diagonal/>
    </border>
    <border>
      <left style="medium">
        <color indexed="64"/>
      </left>
      <right style="thin">
        <color indexed="64"/>
      </right>
      <top style="hair">
        <color indexed="64"/>
      </top>
      <bottom style="thin">
        <color indexed="64"/>
      </bottom>
      <diagonal/>
    </border>
    <border diagonalDown="1">
      <left style="thin">
        <color indexed="64"/>
      </left>
      <right style="thin">
        <color indexed="64"/>
      </right>
      <top style="thin">
        <color indexed="64"/>
      </top>
      <bottom style="hair">
        <color indexed="64"/>
      </bottom>
      <diagonal style="thin">
        <color indexed="64"/>
      </diagonal>
    </border>
    <border diagonalDown="1">
      <left style="thin">
        <color indexed="64"/>
      </left>
      <right style="medium">
        <color indexed="64"/>
      </right>
      <top style="thin">
        <color indexed="64"/>
      </top>
      <bottom style="hair">
        <color indexed="64"/>
      </bottom>
      <diagonal style="thin">
        <color indexed="64"/>
      </diagonal>
    </border>
    <border diagonalDown="1">
      <left style="thin">
        <color indexed="64"/>
      </left>
      <right style="thin">
        <color indexed="64"/>
      </right>
      <top style="hair">
        <color indexed="64"/>
      </top>
      <bottom style="hair">
        <color indexed="64"/>
      </bottom>
      <diagonal style="thin">
        <color indexed="64"/>
      </diagonal>
    </border>
    <border diagonalDown="1">
      <left style="thin">
        <color indexed="64"/>
      </left>
      <right style="medium">
        <color indexed="64"/>
      </right>
      <top style="hair">
        <color indexed="64"/>
      </top>
      <bottom style="hair">
        <color indexed="64"/>
      </bottom>
      <diagonal style="thin">
        <color indexed="64"/>
      </diagonal>
    </border>
    <border diagonalDown="1">
      <left style="thin">
        <color indexed="64"/>
      </left>
      <right style="thin">
        <color indexed="64"/>
      </right>
      <top style="hair">
        <color indexed="64"/>
      </top>
      <bottom style="thin">
        <color indexed="64"/>
      </bottom>
      <diagonal style="thin">
        <color indexed="64"/>
      </diagonal>
    </border>
    <border diagonalDown="1">
      <left style="thin">
        <color indexed="64"/>
      </left>
      <right style="medium">
        <color indexed="64"/>
      </right>
      <top style="hair">
        <color indexed="64"/>
      </top>
      <bottom style="thin">
        <color indexed="64"/>
      </bottom>
      <diagonal style="thin">
        <color indexed="64"/>
      </diagonal>
    </border>
    <border diagonalDown="1">
      <left style="thin">
        <color indexed="64"/>
      </left>
      <right style="thin">
        <color indexed="64"/>
      </right>
      <top style="hair">
        <color indexed="64"/>
      </top>
      <bottom style="medium">
        <color indexed="64"/>
      </bottom>
      <diagonal style="thin">
        <color indexed="64"/>
      </diagonal>
    </border>
    <border diagonalDown="1">
      <left style="thin">
        <color indexed="64"/>
      </left>
      <right style="medium">
        <color indexed="64"/>
      </right>
      <top style="hair">
        <color indexed="64"/>
      </top>
      <bottom style="medium">
        <color indexed="64"/>
      </bottom>
      <diagonal style="thin">
        <color indexed="64"/>
      </diagonal>
    </border>
    <border diagonalDown="1">
      <left style="thin">
        <color indexed="64"/>
      </left>
      <right style="thin">
        <color indexed="64"/>
      </right>
      <top/>
      <bottom/>
      <diagonal style="thin">
        <color indexed="64"/>
      </diagonal>
    </border>
    <border diagonalDown="1">
      <left style="thin">
        <color indexed="64"/>
      </left>
      <right style="medium">
        <color indexed="64"/>
      </right>
      <top/>
      <bottom/>
      <diagonal style="thin">
        <color indexed="64"/>
      </diagonal>
    </border>
    <border>
      <left style="thin">
        <color indexed="64"/>
      </left>
      <right style="thin">
        <color auto="1"/>
      </right>
      <top style="hair">
        <color indexed="64"/>
      </top>
      <bottom/>
      <diagonal/>
    </border>
    <border>
      <left style="medium">
        <color indexed="64"/>
      </left>
      <right style="thin">
        <color indexed="64"/>
      </right>
      <top style="hair">
        <color indexed="64"/>
      </top>
      <bottom/>
      <diagonal/>
    </border>
    <border diagonalDown="1">
      <left style="thin">
        <color indexed="64"/>
      </left>
      <right style="thin">
        <color indexed="64"/>
      </right>
      <top style="hair">
        <color indexed="64"/>
      </top>
      <bottom/>
      <diagonal style="thin">
        <color indexed="64"/>
      </diagonal>
    </border>
    <border diagonalDown="1">
      <left style="thin">
        <color indexed="64"/>
      </left>
      <right style="medium">
        <color indexed="64"/>
      </right>
      <top style="hair">
        <color indexed="64"/>
      </top>
      <bottom/>
      <diagonal style="thin">
        <color indexed="64"/>
      </diagonal>
    </border>
    <border diagonalDown="1">
      <left style="medium">
        <color indexed="64"/>
      </left>
      <right style="thin">
        <color indexed="64"/>
      </right>
      <top style="thin">
        <color indexed="64"/>
      </top>
      <bottom style="thin">
        <color indexed="64"/>
      </bottom>
      <diagonal style="thin">
        <color indexed="64"/>
      </diagonal>
    </border>
    <border>
      <left style="thin">
        <color indexed="64"/>
      </left>
      <right/>
      <top style="medium">
        <color indexed="64"/>
      </top>
      <bottom/>
      <diagonal/>
    </border>
    <border diagonalDown="1">
      <left style="thin">
        <color indexed="64"/>
      </left>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diagonalDown="1">
      <left/>
      <right style="medium">
        <color indexed="64"/>
      </right>
      <top style="medium">
        <color indexed="64"/>
      </top>
      <bottom style="thin">
        <color indexed="64"/>
      </bottom>
      <diagonal style="thin">
        <color indexed="64"/>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medium">
        <color indexed="64"/>
      </right>
      <top style="thin">
        <color indexed="64"/>
      </top>
      <bottom style="thin">
        <color indexed="64"/>
      </bottom>
      <diagonal style="thin">
        <color indexed="64"/>
      </diagonal>
    </border>
    <border diagonalDown="1">
      <left style="thin">
        <color indexed="64"/>
      </left>
      <right/>
      <top style="thin">
        <color indexed="64"/>
      </top>
      <bottom style="medium">
        <color indexed="64"/>
      </bottom>
      <diagonal style="thin">
        <color indexed="64"/>
      </diagonal>
    </border>
    <border diagonalDown="1">
      <left/>
      <right/>
      <top style="thin">
        <color indexed="64"/>
      </top>
      <bottom style="medium">
        <color indexed="64"/>
      </bottom>
      <diagonal style="thin">
        <color indexed="64"/>
      </diagonal>
    </border>
    <border diagonalDown="1">
      <left/>
      <right style="medium">
        <color indexed="64"/>
      </right>
      <top style="thin">
        <color indexed="64"/>
      </top>
      <bottom style="medium">
        <color indexed="64"/>
      </bottom>
      <diagonal style="thin">
        <color indexed="64"/>
      </diagonal>
    </border>
    <border>
      <left style="hair">
        <color auto="1"/>
      </left>
      <right/>
      <top style="thin">
        <color auto="1"/>
      </top>
      <bottom style="hair">
        <color auto="1"/>
      </bottom>
      <diagonal/>
    </border>
    <border>
      <left/>
      <right style="thin">
        <color auto="1"/>
      </right>
      <top style="thin">
        <color auto="1"/>
      </top>
      <bottom style="hair">
        <color auto="1"/>
      </bottom>
      <diagonal/>
    </border>
    <border>
      <left style="hair">
        <color auto="1"/>
      </left>
      <right/>
      <top style="hair">
        <color auto="1"/>
      </top>
      <bottom style="hair">
        <color auto="1"/>
      </bottom>
      <diagonal/>
    </border>
    <border>
      <left/>
      <right style="thin">
        <color auto="1"/>
      </right>
      <top style="hair">
        <color auto="1"/>
      </top>
      <bottom style="hair">
        <color auto="1"/>
      </bottom>
      <diagonal/>
    </border>
    <border>
      <left style="hair">
        <color auto="1"/>
      </left>
      <right/>
      <top style="hair">
        <color auto="1"/>
      </top>
      <bottom style="thin">
        <color auto="1"/>
      </bottom>
      <diagonal/>
    </border>
    <border>
      <left/>
      <right style="thin">
        <color auto="1"/>
      </right>
      <top style="hair">
        <color auto="1"/>
      </top>
      <bottom style="thin">
        <color auto="1"/>
      </bottom>
      <diagonal/>
    </border>
    <border>
      <left style="hair">
        <color auto="1"/>
      </left>
      <right/>
      <top style="hair">
        <color auto="1"/>
      </top>
      <bottom/>
      <diagonal/>
    </border>
    <border>
      <left/>
      <right style="thin">
        <color auto="1"/>
      </right>
      <top style="hair">
        <color auto="1"/>
      </top>
      <bottom/>
      <diagonal/>
    </border>
    <border>
      <left style="hair">
        <color auto="1"/>
      </left>
      <right/>
      <top/>
      <bottom style="thin">
        <color auto="1"/>
      </bottom>
      <diagonal/>
    </border>
    <border>
      <left style="thin">
        <color indexed="64"/>
      </left>
      <right/>
      <top/>
      <bottom style="medium">
        <color indexed="64"/>
      </bottom>
      <diagonal/>
    </border>
    <border>
      <left style="thin">
        <color indexed="64"/>
      </left>
      <right style="thin">
        <color indexed="64"/>
      </right>
      <top/>
      <bottom style="hair">
        <color indexed="64"/>
      </bottom>
      <diagonal/>
    </border>
    <border diagonalDown="1">
      <left style="thin">
        <color indexed="64"/>
      </left>
      <right style="medium">
        <color indexed="64"/>
      </right>
      <top/>
      <bottom style="hair">
        <color indexed="64"/>
      </bottom>
      <diagonal style="thin">
        <color indexed="64"/>
      </diagonal>
    </border>
    <border>
      <left style="medium">
        <color indexed="64"/>
      </left>
      <right style="thin">
        <color indexed="64"/>
      </right>
      <top/>
      <bottom style="hair">
        <color indexed="64"/>
      </bottom>
      <diagonal/>
    </border>
    <border>
      <left style="thin">
        <color indexed="64"/>
      </left>
      <right style="medium">
        <color indexed="64"/>
      </right>
      <top/>
      <bottom style="hair">
        <color indexed="64"/>
      </bottom>
      <diagonal/>
    </border>
    <border diagonalDown="1">
      <left style="medium">
        <color indexed="64"/>
      </left>
      <right style="thin">
        <color indexed="64"/>
      </right>
      <top style="thin">
        <color indexed="64"/>
      </top>
      <bottom style="medium">
        <color indexed="64"/>
      </bottom>
      <diagonal style="thin">
        <color indexed="64"/>
      </diagonal>
    </border>
    <border diagonalDown="1">
      <left style="medium">
        <color indexed="64"/>
      </left>
      <right style="thin">
        <color indexed="64"/>
      </right>
      <top style="medium">
        <color indexed="64"/>
      </top>
      <bottom style="thin">
        <color indexed="64"/>
      </bottom>
      <diagonal style="thin">
        <color indexed="64"/>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medium">
        <color indexed="64"/>
      </top>
      <bottom/>
      <diagonal/>
    </border>
    <border>
      <left/>
      <right/>
      <top/>
      <bottom style="medium">
        <color indexed="64"/>
      </bottom>
      <diagonal/>
    </border>
    <border diagonalDown="1">
      <left style="medium">
        <color indexed="64"/>
      </left>
      <right style="thin">
        <color indexed="64"/>
      </right>
      <top style="thin">
        <color indexed="64"/>
      </top>
      <bottom style="hair">
        <color indexed="64"/>
      </bottom>
      <diagonal style="thin">
        <color indexed="64"/>
      </diagonal>
    </border>
    <border diagonalDown="1">
      <left style="medium">
        <color indexed="64"/>
      </left>
      <right style="thin">
        <color indexed="64"/>
      </right>
      <top/>
      <bottom style="thin">
        <color indexed="64"/>
      </bottom>
      <diagonal style="thin">
        <color indexed="64"/>
      </diagonal>
    </border>
    <border diagonalDown="1">
      <left style="thin">
        <color indexed="64"/>
      </left>
      <right style="medium">
        <color indexed="64"/>
      </right>
      <top/>
      <bottom style="thin">
        <color indexed="64"/>
      </bottom>
      <diagonal style="thin">
        <color indexed="64"/>
      </diagonal>
    </border>
    <border>
      <left/>
      <right style="medium">
        <color indexed="64"/>
      </right>
      <top style="medium">
        <color indexed="64"/>
      </top>
      <bottom/>
      <diagonal/>
    </border>
    <border diagonalDown="1">
      <left style="thin">
        <color indexed="64"/>
      </left>
      <right style="thin">
        <color indexed="64"/>
      </right>
      <top/>
      <bottom style="thin">
        <color indexed="64"/>
      </bottom>
      <diagonal style="thin">
        <color indexed="64"/>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right style="thin">
        <color indexed="64"/>
      </right>
      <top/>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thin">
        <color indexed="64"/>
      </left>
      <right style="medium">
        <color indexed="64"/>
      </right>
      <top style="hair">
        <color indexed="64"/>
      </top>
      <bottom style="thin">
        <color indexed="64"/>
      </bottom>
      <diagonal/>
    </border>
    <border>
      <left style="thin">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diagonal/>
    </border>
  </borders>
  <cellStyleXfs count="1">
    <xf numFmtId="0" fontId="0" fillId="0" borderId="0">
      <alignment vertical="center"/>
    </xf>
  </cellStyleXfs>
  <cellXfs count="363">
    <xf numFmtId="0" fontId="0" fillId="0" borderId="0" xfId="0">
      <alignment vertical="center"/>
    </xf>
    <xf numFmtId="0" fontId="0" fillId="0" borderId="37" xfId="0" applyBorder="1" applyAlignment="1">
      <alignment horizontal="left" vertical="center"/>
    </xf>
    <xf numFmtId="0" fontId="0" fillId="0" borderId="35" xfId="0" applyBorder="1" applyAlignment="1">
      <alignment vertical="center"/>
    </xf>
    <xf numFmtId="0" fontId="0" fillId="0" borderId="19" xfId="0" applyBorder="1" applyAlignment="1">
      <alignment vertical="center"/>
    </xf>
    <xf numFmtId="0" fontId="0" fillId="4" borderId="55" xfId="0" applyFill="1" applyBorder="1" applyAlignment="1">
      <alignment horizontal="left" vertical="center"/>
    </xf>
    <xf numFmtId="0" fontId="0" fillId="4" borderId="54" xfId="0" applyFill="1" applyBorder="1" applyAlignment="1">
      <alignment horizontal="left" vertical="center"/>
    </xf>
    <xf numFmtId="0" fontId="0" fillId="0" borderId="55" xfId="0" applyFill="1" applyBorder="1" applyAlignment="1">
      <alignment horizontal="left" vertical="center"/>
    </xf>
    <xf numFmtId="0" fontId="0" fillId="0" borderId="36" xfId="0" applyBorder="1" applyAlignment="1">
      <alignment horizontal="left" vertical="center"/>
    </xf>
    <xf numFmtId="0" fontId="0" fillId="4" borderId="36" xfId="0" applyFill="1" applyBorder="1" applyAlignment="1">
      <alignment horizontal="left" vertical="center"/>
    </xf>
    <xf numFmtId="0" fontId="8" fillId="0" borderId="0" xfId="0" applyFont="1">
      <alignment vertical="center"/>
    </xf>
    <xf numFmtId="0" fontId="6" fillId="0" borderId="0" xfId="0" applyFont="1">
      <alignment vertical="center"/>
    </xf>
    <xf numFmtId="0" fontId="6" fillId="0" borderId="0" xfId="0" quotePrefix="1" applyFont="1">
      <alignment vertical="center"/>
    </xf>
    <xf numFmtId="0" fontId="6" fillId="2" borderId="9" xfId="0" applyFont="1" applyFill="1" applyBorder="1">
      <alignment vertical="center"/>
    </xf>
    <xf numFmtId="0" fontId="6" fillId="2" borderId="2" xfId="0" applyFont="1" applyFill="1" applyBorder="1">
      <alignment vertical="center"/>
    </xf>
    <xf numFmtId="0" fontId="6" fillId="2" borderId="10" xfId="0" applyFont="1" applyFill="1" applyBorder="1">
      <alignment vertical="center"/>
    </xf>
    <xf numFmtId="0" fontId="6" fillId="2" borderId="4" xfId="0" applyFont="1" applyFill="1" applyBorder="1">
      <alignment vertical="center"/>
    </xf>
    <xf numFmtId="0" fontId="6" fillId="2" borderId="11" xfId="0" applyFont="1" applyFill="1" applyBorder="1">
      <alignment vertical="center"/>
    </xf>
    <xf numFmtId="0" fontId="8" fillId="0" borderId="1" xfId="0" applyFont="1" applyBorder="1">
      <alignment vertical="center"/>
    </xf>
    <xf numFmtId="0" fontId="6" fillId="0" borderId="2" xfId="0" applyFont="1" applyBorder="1">
      <alignment vertical="center"/>
    </xf>
    <xf numFmtId="0" fontId="6" fillId="0" borderId="3" xfId="0" applyFont="1" applyBorder="1" applyAlignment="1">
      <alignment vertical="center" wrapText="1"/>
    </xf>
    <xf numFmtId="0" fontId="6" fillId="3" borderId="14" xfId="0" applyFont="1" applyFill="1" applyBorder="1">
      <alignment vertical="center"/>
    </xf>
    <xf numFmtId="0" fontId="6" fillId="3" borderId="4" xfId="0" applyFont="1" applyFill="1" applyBorder="1">
      <alignment vertical="center"/>
    </xf>
    <xf numFmtId="0" fontId="6" fillId="3" borderId="5" xfId="0" applyFont="1" applyFill="1" applyBorder="1" applyAlignment="1">
      <alignment vertical="center" wrapText="1"/>
    </xf>
    <xf numFmtId="0" fontId="6" fillId="3" borderId="10" xfId="0" applyFont="1" applyFill="1" applyBorder="1">
      <alignment vertical="center"/>
    </xf>
    <xf numFmtId="0" fontId="6" fillId="0" borderId="10" xfId="0" applyFont="1" applyBorder="1">
      <alignment vertical="center"/>
    </xf>
    <xf numFmtId="0" fontId="6" fillId="0" borderId="4" xfId="0" applyFont="1" applyFill="1" applyBorder="1">
      <alignment vertical="center"/>
    </xf>
    <xf numFmtId="0" fontId="6" fillId="0" borderId="5" xfId="0" applyFont="1" applyBorder="1" applyAlignment="1">
      <alignment vertical="center" wrapText="1"/>
    </xf>
    <xf numFmtId="0" fontId="6" fillId="0" borderId="12" xfId="0" applyFont="1" applyBorder="1">
      <alignment vertical="center"/>
    </xf>
    <xf numFmtId="0" fontId="6" fillId="0" borderId="13" xfId="0" applyFont="1" applyBorder="1">
      <alignment vertical="center"/>
    </xf>
    <xf numFmtId="0" fontId="6" fillId="0" borderId="8" xfId="0" applyFont="1" applyBorder="1">
      <alignment vertical="center"/>
    </xf>
    <xf numFmtId="0" fontId="6" fillId="0" borderId="6" xfId="0" applyFont="1" applyFill="1" applyBorder="1">
      <alignment vertical="center"/>
    </xf>
    <xf numFmtId="0" fontId="6" fillId="0" borderId="16" xfId="0" applyFont="1" applyBorder="1" applyAlignment="1">
      <alignment vertical="center" wrapText="1"/>
    </xf>
    <xf numFmtId="0" fontId="6" fillId="2" borderId="11" xfId="0" applyFont="1" applyFill="1" applyBorder="1" applyAlignment="1">
      <alignment vertical="top"/>
    </xf>
    <xf numFmtId="0" fontId="6" fillId="2" borderId="15" xfId="0" applyFont="1" applyFill="1" applyBorder="1">
      <alignment vertical="center"/>
    </xf>
    <xf numFmtId="0" fontId="8" fillId="0" borderId="1" xfId="0" applyFont="1" applyFill="1" applyBorder="1">
      <alignment vertical="center"/>
    </xf>
    <xf numFmtId="0" fontId="6" fillId="0" borderId="2" xfId="0" applyFont="1" applyFill="1" applyBorder="1">
      <alignment vertical="center"/>
    </xf>
    <xf numFmtId="0" fontId="6" fillId="0" borderId="15" xfId="0" applyFont="1" applyFill="1" applyBorder="1">
      <alignment vertical="center"/>
    </xf>
    <xf numFmtId="0" fontId="6" fillId="0" borderId="5" xfId="0" applyFont="1" applyFill="1" applyBorder="1" applyAlignment="1">
      <alignment vertical="center" wrapText="1"/>
    </xf>
    <xf numFmtId="0" fontId="7" fillId="0" borderId="5" xfId="0" applyFont="1" applyFill="1" applyBorder="1" applyAlignment="1">
      <alignment vertical="center" wrapText="1"/>
    </xf>
    <xf numFmtId="0" fontId="6" fillId="0" borderId="3" xfId="0" applyFont="1" applyFill="1" applyBorder="1" applyAlignment="1">
      <alignment vertical="center" wrapText="1"/>
    </xf>
    <xf numFmtId="0" fontId="6" fillId="0" borderId="46" xfId="0" applyFont="1" applyFill="1" applyBorder="1" applyAlignment="1">
      <alignment vertical="center" wrapText="1"/>
    </xf>
    <xf numFmtId="0" fontId="6" fillId="0" borderId="7" xfId="0" applyFont="1" applyFill="1" applyBorder="1" applyAlignment="1">
      <alignment vertical="center" wrapText="1"/>
    </xf>
    <xf numFmtId="0" fontId="7" fillId="0" borderId="55" xfId="0" applyFont="1" applyBorder="1" applyAlignment="1">
      <alignment vertical="center"/>
    </xf>
    <xf numFmtId="0" fontId="7" fillId="0" borderId="54" xfId="0" applyFont="1" applyBorder="1" applyAlignment="1">
      <alignment vertical="center"/>
    </xf>
    <xf numFmtId="0" fontId="7" fillId="0" borderId="40" xfId="0" applyFont="1" applyFill="1" applyBorder="1" applyAlignment="1">
      <alignment horizontal="center" vertical="center" shrinkToFit="1"/>
    </xf>
    <xf numFmtId="0" fontId="7" fillId="0" borderId="35" xfId="0" applyFont="1" applyBorder="1" applyAlignment="1">
      <alignment horizontal="center" vertical="center"/>
    </xf>
    <xf numFmtId="0" fontId="7" fillId="0" borderId="29" xfId="0" applyFont="1" applyBorder="1" applyAlignment="1">
      <alignment horizontal="center" vertical="center" shrinkToFit="1"/>
    </xf>
    <xf numFmtId="0" fontId="7" fillId="0" borderId="28" xfId="0" applyFont="1" applyBorder="1" applyAlignment="1">
      <alignment horizontal="center" vertical="center" shrinkToFit="1"/>
    </xf>
    <xf numFmtId="0" fontId="7" fillId="0" borderId="29" xfId="0" applyFont="1" applyBorder="1" applyAlignment="1">
      <alignment horizontal="center" vertical="center"/>
    </xf>
    <xf numFmtId="0" fontId="7" fillId="0" borderId="31" xfId="0" applyFont="1" applyBorder="1" applyAlignment="1">
      <alignment horizontal="center" vertical="center" shrinkToFit="1"/>
    </xf>
    <xf numFmtId="0" fontId="7" fillId="0" borderId="27" xfId="0" applyFont="1" applyFill="1" applyBorder="1" applyAlignment="1">
      <alignment horizontal="center" vertical="center"/>
    </xf>
    <xf numFmtId="0" fontId="7" fillId="4" borderId="71" xfId="0" applyFont="1" applyFill="1" applyBorder="1" applyAlignment="1">
      <alignment vertical="center"/>
    </xf>
    <xf numFmtId="0" fontId="7" fillId="4" borderId="71" xfId="0" applyFont="1" applyFill="1" applyBorder="1" applyAlignment="1">
      <alignment horizontal="left" vertical="center"/>
    </xf>
    <xf numFmtId="0" fontId="7" fillId="4" borderId="73" xfId="0" applyFont="1" applyFill="1" applyBorder="1" applyAlignment="1">
      <alignment horizontal="left" vertical="center"/>
    </xf>
    <xf numFmtId="0" fontId="7" fillId="4" borderId="58" xfId="0" applyFont="1" applyFill="1" applyBorder="1" applyAlignment="1">
      <alignment vertical="center"/>
    </xf>
    <xf numFmtId="0" fontId="7" fillId="4" borderId="58" xfId="0" applyFont="1" applyFill="1" applyBorder="1" applyAlignment="1">
      <alignment horizontal="left" vertical="center"/>
    </xf>
    <xf numFmtId="0" fontId="7" fillId="4" borderId="60" xfId="0" applyFont="1" applyFill="1" applyBorder="1" applyAlignment="1">
      <alignment horizontal="left" vertical="center"/>
    </xf>
    <xf numFmtId="0" fontId="7" fillId="4" borderId="74" xfId="0" applyFont="1" applyFill="1" applyBorder="1" applyAlignment="1">
      <alignment vertical="center"/>
    </xf>
    <xf numFmtId="0" fontId="7" fillId="4" borderId="74" xfId="0" applyFont="1" applyFill="1" applyBorder="1" applyAlignment="1">
      <alignment horizontal="left" vertical="center"/>
    </xf>
    <xf numFmtId="0" fontId="7" fillId="0" borderId="77" xfId="0" applyFont="1" applyFill="1" applyBorder="1" applyAlignment="1">
      <alignment horizontal="left" vertical="center"/>
    </xf>
    <xf numFmtId="0" fontId="7" fillId="0" borderId="79" xfId="0" applyFont="1" applyFill="1" applyBorder="1" applyAlignment="1">
      <alignment horizontal="left" vertical="center"/>
    </xf>
    <xf numFmtId="0" fontId="7" fillId="4" borderId="86" xfId="0" applyFont="1" applyFill="1" applyBorder="1" applyAlignment="1">
      <alignment vertical="center"/>
    </xf>
    <xf numFmtId="0" fontId="7" fillId="0" borderId="89" xfId="0" applyFont="1" applyFill="1" applyBorder="1" applyAlignment="1">
      <alignment horizontal="left" vertical="center"/>
    </xf>
    <xf numFmtId="0" fontId="7" fillId="0" borderId="81" xfId="0" applyFont="1" applyFill="1" applyBorder="1" applyAlignment="1">
      <alignment horizontal="left" vertical="center"/>
    </xf>
    <xf numFmtId="0" fontId="7" fillId="4" borderId="48" xfId="0" applyFont="1" applyFill="1" applyBorder="1" applyAlignment="1">
      <alignment vertical="center"/>
    </xf>
    <xf numFmtId="0" fontId="7" fillId="0" borderId="85" xfId="0" applyFont="1" applyFill="1" applyBorder="1" applyAlignment="1">
      <alignment horizontal="left" vertical="center"/>
    </xf>
    <xf numFmtId="0" fontId="7" fillId="0" borderId="22" xfId="0" applyFont="1" applyFill="1" applyBorder="1" applyAlignment="1">
      <alignment horizontal="center" vertical="center"/>
    </xf>
    <xf numFmtId="0" fontId="7" fillId="0" borderId="32" xfId="0" applyFont="1" applyBorder="1" applyAlignment="1">
      <alignment vertical="top"/>
    </xf>
    <xf numFmtId="0" fontId="0" fillId="0" borderId="38" xfId="0" applyBorder="1" applyAlignment="1">
      <alignment vertical="center"/>
    </xf>
    <xf numFmtId="0" fontId="0" fillId="0" borderId="68" xfId="0" applyBorder="1" applyAlignment="1">
      <alignment vertical="center"/>
    </xf>
    <xf numFmtId="0" fontId="7" fillId="0" borderId="13" xfId="0" applyFont="1" applyBorder="1" applyAlignment="1">
      <alignment vertical="top"/>
    </xf>
    <xf numFmtId="0" fontId="0" fillId="0" borderId="68" xfId="0" applyBorder="1" applyAlignment="1">
      <alignment horizontal="left" vertical="center"/>
    </xf>
    <xf numFmtId="0" fontId="0" fillId="0" borderId="55" xfId="0" applyFill="1" applyBorder="1" applyAlignment="1">
      <alignment horizontal="right" vertical="center"/>
    </xf>
    <xf numFmtId="0" fontId="0" fillId="0" borderId="56" xfId="0" applyFill="1" applyBorder="1" applyAlignment="1">
      <alignment horizontal="left" vertical="center"/>
    </xf>
    <xf numFmtId="0" fontId="7" fillId="4" borderId="111" xfId="0" applyFont="1" applyFill="1" applyBorder="1" applyAlignment="1">
      <alignment vertical="center"/>
    </xf>
    <xf numFmtId="0" fontId="10" fillId="0" borderId="0" xfId="0" applyFont="1">
      <alignment vertical="center"/>
    </xf>
    <xf numFmtId="0" fontId="10" fillId="0" borderId="21" xfId="0" applyFont="1" applyBorder="1" applyAlignment="1">
      <alignment horizontal="center" vertical="center"/>
    </xf>
    <xf numFmtId="0" fontId="0" fillId="0" borderId="21" xfId="0" quotePrefix="1" applyBorder="1">
      <alignment vertical="center"/>
    </xf>
    <xf numFmtId="177" fontId="0" fillId="0" borderId="21" xfId="0" applyNumberFormat="1" applyBorder="1">
      <alignment vertical="center"/>
    </xf>
    <xf numFmtId="0" fontId="0" fillId="0" borderId="21" xfId="0" applyBorder="1">
      <alignment vertical="center"/>
    </xf>
    <xf numFmtId="0" fontId="0" fillId="0" borderId="31" xfId="0" quotePrefix="1" applyBorder="1" applyAlignment="1">
      <alignment vertical="top"/>
    </xf>
    <xf numFmtId="177" fontId="0" fillId="0" borderId="31" xfId="0" applyNumberFormat="1" applyBorder="1" applyAlignment="1">
      <alignment vertical="top"/>
    </xf>
    <xf numFmtId="0" fontId="0" fillId="0" borderId="71" xfId="0" applyBorder="1" applyAlignment="1">
      <alignment vertical="top" wrapText="1"/>
    </xf>
    <xf numFmtId="0" fontId="0" fillId="0" borderId="48" xfId="0" applyBorder="1">
      <alignment vertical="center"/>
    </xf>
    <xf numFmtId="177" fontId="0" fillId="0" borderId="48" xfId="0" applyNumberFormat="1" applyBorder="1">
      <alignment vertical="center"/>
    </xf>
    <xf numFmtId="0" fontId="0" fillId="0" borderId="58" xfId="0" applyBorder="1" applyAlignment="1">
      <alignment vertical="top" wrapText="1"/>
    </xf>
    <xf numFmtId="0" fontId="0" fillId="0" borderId="47" xfId="0" applyBorder="1">
      <alignment vertical="center"/>
    </xf>
    <xf numFmtId="177" fontId="0" fillId="0" borderId="47" xfId="0" applyNumberFormat="1" applyBorder="1">
      <alignment vertical="center"/>
    </xf>
    <xf numFmtId="0" fontId="0" fillId="0" borderId="74" xfId="0" applyBorder="1" applyAlignment="1">
      <alignment vertical="top" wrapText="1"/>
    </xf>
    <xf numFmtId="177" fontId="0" fillId="0" borderId="0" xfId="0" applyNumberFormat="1">
      <alignment vertical="center"/>
    </xf>
    <xf numFmtId="0" fontId="7" fillId="0" borderId="38" xfId="0" applyFont="1" applyBorder="1" applyAlignment="1">
      <alignment vertical="center"/>
    </xf>
    <xf numFmtId="0" fontId="7" fillId="0" borderId="37" xfId="0" applyFont="1" applyBorder="1" applyAlignment="1">
      <alignment vertical="center"/>
    </xf>
    <xf numFmtId="0" fontId="7" fillId="0" borderId="43" xfId="0" applyFont="1" applyBorder="1" applyAlignment="1">
      <alignment vertical="center"/>
    </xf>
    <xf numFmtId="0" fontId="7" fillId="0" borderId="21" xfId="0" applyFont="1" applyBorder="1" applyAlignment="1">
      <alignment vertical="top"/>
    </xf>
    <xf numFmtId="0" fontId="7" fillId="0" borderId="45" xfId="0" applyFont="1" applyBorder="1" applyAlignment="1">
      <alignment vertical="center"/>
    </xf>
    <xf numFmtId="0" fontId="7" fillId="0" borderId="40" xfId="0" applyFont="1" applyBorder="1" applyAlignment="1">
      <alignment vertical="center"/>
    </xf>
    <xf numFmtId="0" fontId="7" fillId="0" borderId="70" xfId="0" applyFont="1" applyBorder="1" applyAlignment="1">
      <alignment vertical="center"/>
    </xf>
    <xf numFmtId="0" fontId="7" fillId="4" borderId="32" xfId="0" applyFont="1" applyFill="1" applyBorder="1" applyAlignment="1">
      <alignment vertical="center"/>
    </xf>
    <xf numFmtId="0" fontId="7" fillId="0" borderId="31" xfId="0" applyFont="1" applyBorder="1" applyAlignment="1">
      <alignment vertical="center" wrapText="1"/>
    </xf>
    <xf numFmtId="0" fontId="7" fillId="0" borderId="27" xfId="0" applyFont="1" applyBorder="1" applyAlignment="1">
      <alignment vertical="center"/>
    </xf>
    <xf numFmtId="0" fontId="7" fillId="0" borderId="23" xfId="0" applyFont="1" applyBorder="1" applyAlignment="1">
      <alignment vertical="center"/>
    </xf>
    <xf numFmtId="0" fontId="7" fillId="0" borderId="25" xfId="0" applyFont="1" applyBorder="1" applyAlignment="1">
      <alignment vertical="center"/>
    </xf>
    <xf numFmtId="0" fontId="7" fillId="0" borderId="56" xfId="0" applyFont="1" applyBorder="1" applyAlignment="1">
      <alignment vertical="center"/>
    </xf>
    <xf numFmtId="0" fontId="0" fillId="0" borderId="0" xfId="0" applyAlignment="1">
      <alignment vertical="center"/>
    </xf>
    <xf numFmtId="0" fontId="0" fillId="0" borderId="42" xfId="0" applyFill="1" applyBorder="1" applyAlignment="1">
      <alignment horizontal="left" vertical="center"/>
    </xf>
    <xf numFmtId="0" fontId="0" fillId="0" borderId="70" xfId="0" applyFill="1" applyBorder="1" applyAlignment="1">
      <alignment horizontal="left" vertical="center"/>
    </xf>
    <xf numFmtId="0" fontId="7" fillId="0" borderId="37" xfId="0" applyFont="1" applyBorder="1" applyAlignment="1">
      <alignment vertical="center" shrinkToFit="1"/>
    </xf>
    <xf numFmtId="0" fontId="7" fillId="4" borderId="43" xfId="0" applyFont="1" applyFill="1" applyBorder="1" applyAlignment="1">
      <alignment vertical="center"/>
    </xf>
    <xf numFmtId="0" fontId="7" fillId="0" borderId="36" xfId="0" applyFont="1" applyBorder="1" applyAlignment="1">
      <alignment vertical="center"/>
    </xf>
    <xf numFmtId="0" fontId="7" fillId="0" borderId="50" xfId="0" applyFont="1" applyBorder="1" applyAlignment="1">
      <alignment vertical="center"/>
    </xf>
    <xf numFmtId="0" fontId="7" fillId="0" borderId="33" xfId="0" applyFont="1" applyBorder="1" applyAlignment="1">
      <alignment vertical="center"/>
    </xf>
    <xf numFmtId="0" fontId="7" fillId="0" borderId="26" xfId="0" applyFont="1" applyBorder="1" applyAlignment="1">
      <alignment vertical="center"/>
    </xf>
    <xf numFmtId="0" fontId="7" fillId="0" borderId="24" xfId="0" applyFont="1" applyBorder="1" applyAlignment="1">
      <alignment vertical="center"/>
    </xf>
    <xf numFmtId="0" fontId="7" fillId="4" borderId="27" xfId="0" applyFont="1" applyFill="1" applyBorder="1" applyAlignment="1">
      <alignment vertical="center"/>
    </xf>
    <xf numFmtId="0" fontId="7" fillId="4" borderId="25" xfId="0" applyFont="1" applyFill="1" applyBorder="1" applyAlignment="1">
      <alignment vertical="center"/>
    </xf>
    <xf numFmtId="0" fontId="7" fillId="0" borderId="65" xfId="0" applyFont="1" applyFill="1" applyBorder="1" applyAlignment="1">
      <alignment vertical="center"/>
    </xf>
    <xf numFmtId="0" fontId="7" fillId="0" borderId="51" xfId="0" applyFont="1" applyBorder="1" applyAlignment="1">
      <alignment vertical="center"/>
    </xf>
    <xf numFmtId="0" fontId="7" fillId="0" borderId="32" xfId="0" applyFont="1" applyBorder="1" applyAlignment="1">
      <alignment vertical="center"/>
    </xf>
    <xf numFmtId="0" fontId="7" fillId="0" borderId="22" xfId="0" applyFont="1" applyBorder="1" applyAlignment="1">
      <alignment vertical="center"/>
    </xf>
    <xf numFmtId="0" fontId="7" fillId="0" borderId="20" xfId="0" applyFont="1" applyBorder="1" applyAlignment="1">
      <alignment vertical="center"/>
    </xf>
    <xf numFmtId="0" fontId="7" fillId="4" borderId="23" xfId="0" applyFont="1" applyFill="1" applyBorder="1" applyAlignment="1">
      <alignment vertical="center"/>
    </xf>
    <xf numFmtId="0" fontId="7" fillId="4" borderId="21" xfId="0" applyFont="1" applyFill="1" applyBorder="1" applyAlignment="1">
      <alignment vertical="center"/>
    </xf>
    <xf numFmtId="0" fontId="7" fillId="0" borderId="66" xfId="0" applyFont="1" applyFill="1" applyBorder="1" applyAlignment="1">
      <alignment vertical="center"/>
    </xf>
    <xf numFmtId="0" fontId="7" fillId="0" borderId="23" xfId="0" applyFont="1" applyFill="1" applyBorder="1" applyAlignment="1">
      <alignment vertical="center"/>
    </xf>
    <xf numFmtId="0" fontId="7" fillId="0" borderId="20" xfId="0" applyFont="1" applyFill="1" applyBorder="1" applyAlignment="1">
      <alignment vertical="center"/>
    </xf>
    <xf numFmtId="176" fontId="7" fillId="0" borderId="23" xfId="0" applyNumberFormat="1" applyFont="1" applyFill="1" applyBorder="1" applyAlignment="1">
      <alignment vertical="center"/>
    </xf>
    <xf numFmtId="0" fontId="7" fillId="0" borderId="31" xfId="0" applyFont="1" applyBorder="1" applyAlignment="1">
      <alignment vertical="center"/>
    </xf>
    <xf numFmtId="0" fontId="7" fillId="0" borderId="47" xfId="0" applyFont="1" applyBorder="1" applyAlignment="1">
      <alignment vertical="center"/>
    </xf>
    <xf numFmtId="0" fontId="7" fillId="0" borderId="48" xfId="0" applyFont="1" applyBorder="1" applyAlignment="1">
      <alignment vertical="center"/>
    </xf>
    <xf numFmtId="0" fontId="7" fillId="0" borderId="90" xfId="0" applyFont="1" applyFill="1" applyBorder="1" applyAlignment="1">
      <alignment vertical="center"/>
    </xf>
    <xf numFmtId="0" fontId="7" fillId="0" borderId="66" xfId="0" applyFont="1" applyBorder="1" applyAlignment="1">
      <alignment vertical="center"/>
    </xf>
    <xf numFmtId="0" fontId="7" fillId="0" borderId="52" xfId="0" applyFont="1" applyBorder="1" applyAlignment="1">
      <alignment vertical="center"/>
    </xf>
    <xf numFmtId="0" fontId="7" fillId="4" borderId="20" xfId="0" applyFont="1" applyFill="1" applyBorder="1" applyAlignment="1">
      <alignment vertical="center"/>
    </xf>
    <xf numFmtId="0" fontId="7" fillId="0" borderId="29" xfId="0" applyFont="1" applyBorder="1" applyAlignment="1">
      <alignment vertical="center"/>
    </xf>
    <xf numFmtId="0" fontId="7" fillId="0" borderId="32" xfId="0" applyFont="1" applyFill="1" applyBorder="1" applyAlignment="1">
      <alignment vertical="center"/>
    </xf>
    <xf numFmtId="0" fontId="7" fillId="0" borderId="30" xfId="0" applyFont="1" applyBorder="1" applyAlignment="1">
      <alignment vertical="center"/>
    </xf>
    <xf numFmtId="0" fontId="7" fillId="0" borderId="63" xfId="0" applyFont="1" applyFill="1" applyBorder="1" applyAlignment="1">
      <alignment vertical="center"/>
    </xf>
    <xf numFmtId="0" fontId="7" fillId="0" borderId="47" xfId="0" applyFont="1" applyBorder="1" applyAlignment="1">
      <alignment horizontal="left" vertical="center"/>
    </xf>
    <xf numFmtId="0" fontId="7" fillId="0" borderId="21" xfId="0" applyFont="1" applyBorder="1" applyAlignment="1">
      <alignment horizontal="left" vertical="center"/>
    </xf>
    <xf numFmtId="0" fontId="7" fillId="0" borderId="30" xfId="0" applyFont="1" applyFill="1" applyBorder="1" applyAlignment="1">
      <alignment vertical="center"/>
    </xf>
    <xf numFmtId="0" fontId="7" fillId="0" borderId="22" xfId="0" applyFont="1" applyFill="1" applyBorder="1" applyAlignment="1">
      <alignment vertical="center"/>
    </xf>
    <xf numFmtId="0" fontId="7" fillId="0" borderId="69" xfId="0" applyFont="1" applyFill="1" applyBorder="1" applyAlignment="1">
      <alignment vertical="center"/>
    </xf>
    <xf numFmtId="0" fontId="7" fillId="0" borderId="47" xfId="0" applyFont="1" applyFill="1" applyBorder="1" applyAlignment="1">
      <alignment horizontal="left" vertical="center"/>
    </xf>
    <xf numFmtId="0" fontId="7" fillId="0" borderId="21" xfId="0" applyFont="1" applyFill="1" applyBorder="1" applyAlignment="1">
      <alignment horizontal="left" vertical="center"/>
    </xf>
    <xf numFmtId="0" fontId="7" fillId="4" borderId="29" xfId="0" applyFont="1" applyFill="1" applyBorder="1" applyAlignment="1">
      <alignment vertical="center"/>
    </xf>
    <xf numFmtId="0" fontId="7" fillId="4" borderId="28" xfId="0" applyFont="1" applyFill="1" applyBorder="1" applyAlignment="1">
      <alignment vertical="center"/>
    </xf>
    <xf numFmtId="0" fontId="7" fillId="0" borderId="64" xfId="0" applyFont="1" applyFill="1" applyBorder="1" applyAlignment="1">
      <alignment vertical="center"/>
    </xf>
    <xf numFmtId="0" fontId="7" fillId="4" borderId="31" xfId="0" applyFont="1" applyFill="1" applyBorder="1" applyAlignment="1">
      <alignment vertical="center"/>
    </xf>
    <xf numFmtId="0" fontId="7" fillId="0" borderId="69" xfId="0" applyFont="1" applyBorder="1" applyAlignment="1">
      <alignment vertical="center"/>
    </xf>
    <xf numFmtId="0" fontId="7" fillId="0" borderId="57" xfId="0" applyFont="1" applyBorder="1" applyAlignment="1">
      <alignment vertical="center"/>
    </xf>
    <xf numFmtId="0" fontId="7" fillId="0" borderId="53" xfId="0" applyFont="1" applyBorder="1" applyAlignment="1">
      <alignment vertical="center"/>
    </xf>
    <xf numFmtId="0" fontId="7" fillId="0" borderId="91" xfId="0" applyFont="1" applyBorder="1" applyAlignment="1">
      <alignment vertical="center"/>
    </xf>
    <xf numFmtId="0" fontId="7" fillId="0" borderId="47" xfId="0" applyFont="1" applyFill="1" applyBorder="1" applyAlignment="1">
      <alignment horizontal="center" vertical="center"/>
    </xf>
    <xf numFmtId="0" fontId="7" fillId="0" borderId="21" xfId="0" applyFont="1" applyFill="1" applyBorder="1" applyAlignment="1">
      <alignment vertical="center"/>
    </xf>
    <xf numFmtId="0" fontId="7" fillId="0" borderId="34" xfId="0" applyFont="1" applyFill="1" applyBorder="1" applyAlignment="1">
      <alignment vertical="center"/>
    </xf>
    <xf numFmtId="0" fontId="7" fillId="0" borderId="48" xfId="0" applyFont="1" applyFill="1" applyBorder="1" applyAlignment="1">
      <alignment horizontal="left" vertical="center"/>
    </xf>
    <xf numFmtId="0" fontId="7" fillId="0" borderId="31" xfId="0" applyFont="1" applyFill="1" applyBorder="1" applyAlignment="1">
      <alignment horizontal="left" vertical="center"/>
    </xf>
    <xf numFmtId="0" fontId="7" fillId="0" borderId="13" xfId="0" applyFont="1" applyFill="1" applyBorder="1" applyAlignment="1">
      <alignment vertical="center"/>
    </xf>
    <xf numFmtId="0" fontId="7" fillId="0" borderId="49" xfId="0" applyFont="1" applyFill="1" applyBorder="1" applyAlignment="1">
      <alignment vertical="center"/>
    </xf>
    <xf numFmtId="0" fontId="7" fillId="0" borderId="90" xfId="0" applyFont="1" applyBorder="1" applyAlignment="1">
      <alignment vertical="center"/>
    </xf>
    <xf numFmtId="0" fontId="7" fillId="0" borderId="34" xfId="0" applyFont="1" applyBorder="1" applyAlignment="1">
      <alignment vertical="center"/>
    </xf>
    <xf numFmtId="0" fontId="7" fillId="0" borderId="13" xfId="0" applyFont="1" applyBorder="1" applyAlignment="1">
      <alignment vertical="center"/>
    </xf>
    <xf numFmtId="0" fontId="7" fillId="0" borderId="49" xfId="0" applyFont="1" applyBorder="1" applyAlignment="1">
      <alignment vertical="center"/>
    </xf>
    <xf numFmtId="0" fontId="7" fillId="0" borderId="35" xfId="0" applyFont="1" applyBorder="1" applyAlignment="1">
      <alignment vertical="center"/>
    </xf>
    <xf numFmtId="0" fontId="7" fillId="4" borderId="17" xfId="0" applyFont="1" applyFill="1" applyBorder="1" applyAlignment="1">
      <alignment vertical="center"/>
    </xf>
    <xf numFmtId="0" fontId="7" fillId="4" borderId="19" xfId="0" applyFont="1" applyFill="1" applyBorder="1" applyAlignment="1">
      <alignment vertical="center"/>
    </xf>
    <xf numFmtId="0" fontId="7" fillId="0" borderId="62" xfId="0" applyFont="1" applyFill="1" applyBorder="1" applyAlignment="1">
      <alignment vertical="center"/>
    </xf>
    <xf numFmtId="0" fontId="7" fillId="4" borderId="18" xfId="0" applyFont="1" applyFill="1" applyBorder="1" applyAlignment="1">
      <alignment vertical="center"/>
    </xf>
    <xf numFmtId="0" fontId="7" fillId="0" borderId="67" xfId="0" applyFont="1" applyFill="1" applyBorder="1" applyAlignment="1">
      <alignment vertical="center"/>
    </xf>
    <xf numFmtId="0" fontId="7" fillId="0" borderId="92" xfId="0" applyFont="1" applyFill="1" applyBorder="1" applyAlignment="1">
      <alignment vertical="center"/>
    </xf>
    <xf numFmtId="0" fontId="7" fillId="0" borderId="93" xfId="0" applyFont="1" applyFill="1" applyBorder="1" applyAlignment="1">
      <alignment vertical="center"/>
    </xf>
    <xf numFmtId="0" fontId="7" fillId="0" borderId="94" xfId="0" applyFont="1" applyFill="1" applyBorder="1" applyAlignment="1">
      <alignment vertical="center"/>
    </xf>
    <xf numFmtId="0" fontId="0" fillId="0" borderId="55" xfId="0" applyBorder="1" applyAlignment="1">
      <alignment vertical="center"/>
    </xf>
    <xf numFmtId="0" fontId="7" fillId="0" borderId="95" xfId="0" applyFont="1" applyFill="1" applyBorder="1" applyAlignment="1">
      <alignment vertical="center"/>
    </xf>
    <xf numFmtId="0" fontId="7" fillId="0" borderId="96" xfId="0" applyFont="1" applyFill="1" applyBorder="1" applyAlignment="1">
      <alignment vertical="center"/>
    </xf>
    <xf numFmtId="0" fontId="7" fillId="0" borderId="97" xfId="0" applyFont="1" applyFill="1" applyBorder="1" applyAlignment="1">
      <alignment vertical="center"/>
    </xf>
    <xf numFmtId="0" fontId="7" fillId="0" borderId="110" xfId="0" applyFont="1" applyBorder="1" applyAlignment="1">
      <alignment vertical="center"/>
    </xf>
    <xf numFmtId="0" fontId="7" fillId="0" borderId="121" xfId="0" applyFont="1" applyBorder="1" applyAlignment="1">
      <alignment vertical="center"/>
    </xf>
    <xf numFmtId="0" fontId="7" fillId="0" borderId="98" xfId="0" applyFont="1" applyFill="1" applyBorder="1" applyAlignment="1">
      <alignment vertical="center"/>
    </xf>
    <xf numFmtId="0" fontId="7" fillId="0" borderId="99" xfId="0" applyFont="1" applyFill="1" applyBorder="1" applyAlignment="1">
      <alignment vertical="center"/>
    </xf>
    <xf numFmtId="0" fontId="7" fillId="0" borderId="100" xfId="0" applyFont="1" applyFill="1" applyBorder="1" applyAlignment="1">
      <alignment vertical="center"/>
    </xf>
    <xf numFmtId="0" fontId="7" fillId="0" borderId="38" xfId="0" applyFont="1" applyBorder="1" applyAlignment="1">
      <alignment horizontal="left" vertical="center"/>
    </xf>
    <xf numFmtId="0" fontId="7" fillId="0" borderId="25" xfId="0" applyFont="1" applyBorder="1" applyAlignment="1">
      <alignment horizontal="left" vertical="center"/>
    </xf>
    <xf numFmtId="0" fontId="7" fillId="0" borderId="24" xfId="0" applyFont="1" applyFill="1" applyBorder="1" applyAlignment="1">
      <alignment horizontal="left" vertical="center"/>
    </xf>
    <xf numFmtId="0" fontId="7" fillId="0" borderId="120" xfId="0" applyFont="1" applyBorder="1" applyAlignment="1">
      <alignment horizontal="center" vertical="center" shrinkToFit="1"/>
    </xf>
    <xf numFmtId="0" fontId="7" fillId="4" borderId="72" xfId="0" applyFont="1" applyFill="1" applyBorder="1" applyAlignment="1">
      <alignment vertical="center"/>
    </xf>
    <xf numFmtId="0" fontId="7" fillId="0" borderId="77" xfId="0" applyFont="1" applyFill="1" applyBorder="1" applyAlignment="1">
      <alignment vertical="center"/>
    </xf>
    <xf numFmtId="0" fontId="7" fillId="4" borderId="59" xfId="0" applyFont="1" applyFill="1" applyBorder="1" applyAlignment="1">
      <alignment vertical="center"/>
    </xf>
    <xf numFmtId="0" fontId="7" fillId="0" borderId="79" xfId="0" applyFont="1" applyFill="1" applyBorder="1" applyAlignment="1">
      <alignment vertical="center"/>
    </xf>
    <xf numFmtId="0" fontId="7" fillId="4" borderId="114" xfId="0" applyFont="1" applyFill="1" applyBorder="1" applyAlignment="1">
      <alignment horizontal="left" vertical="center"/>
    </xf>
    <xf numFmtId="0" fontId="7" fillId="4" borderId="113" xfId="0" applyFont="1" applyFill="1" applyBorder="1" applyAlignment="1">
      <alignment vertical="center"/>
    </xf>
    <xf numFmtId="0" fontId="7" fillId="0" borderId="112" xfId="0" applyFont="1" applyFill="1" applyBorder="1" applyAlignment="1">
      <alignment vertical="center"/>
    </xf>
    <xf numFmtId="0" fontId="7" fillId="0" borderId="76" xfId="0" applyFont="1" applyFill="1" applyBorder="1" applyAlignment="1">
      <alignment vertical="center"/>
    </xf>
    <xf numFmtId="0" fontId="7" fillId="0" borderId="78" xfId="0" applyFont="1" applyFill="1" applyBorder="1" applyAlignment="1">
      <alignment vertical="center"/>
    </xf>
    <xf numFmtId="0" fontId="7" fillId="4" borderId="87" xfId="0" applyFont="1" applyFill="1" applyBorder="1" applyAlignment="1">
      <alignment vertical="center"/>
    </xf>
    <xf numFmtId="0" fontId="7" fillId="0" borderId="88" xfId="0" applyFont="1" applyFill="1" applyBorder="1" applyAlignment="1">
      <alignment vertical="center"/>
    </xf>
    <xf numFmtId="0" fontId="7" fillId="4" borderId="75" xfId="0" applyFont="1" applyFill="1" applyBorder="1" applyAlignment="1">
      <alignment vertical="center"/>
    </xf>
    <xf numFmtId="0" fontId="7" fillId="0" borderId="80" xfId="0" applyFont="1" applyFill="1" applyBorder="1" applyAlignment="1">
      <alignment vertical="center"/>
    </xf>
    <xf numFmtId="0" fontId="7" fillId="0" borderId="81" xfId="0" applyFont="1" applyFill="1" applyBorder="1" applyAlignment="1">
      <alignment vertical="center"/>
    </xf>
    <xf numFmtId="0" fontId="7" fillId="4" borderId="51" xfId="0" applyFont="1" applyFill="1" applyBorder="1" applyAlignment="1">
      <alignment vertical="center"/>
    </xf>
    <xf numFmtId="0" fontId="7" fillId="0" borderId="84" xfId="0" applyFont="1" applyFill="1" applyBorder="1" applyAlignment="1">
      <alignment vertical="center"/>
    </xf>
    <xf numFmtId="0" fontId="7" fillId="4" borderId="61" xfId="0" applyFont="1" applyFill="1" applyBorder="1" applyAlignment="1">
      <alignment vertical="center"/>
    </xf>
    <xf numFmtId="0" fontId="7" fillId="0" borderId="82" xfId="0" applyFont="1" applyFill="1" applyBorder="1" applyAlignment="1">
      <alignment vertical="center"/>
    </xf>
    <xf numFmtId="0" fontId="7" fillId="0" borderId="83" xfId="0" applyFont="1" applyFill="1" applyBorder="1" applyAlignment="1">
      <alignment vertical="center"/>
    </xf>
    <xf numFmtId="0" fontId="7" fillId="0" borderId="12" xfId="0" applyFont="1" applyBorder="1" applyAlignment="1">
      <alignment vertical="center"/>
    </xf>
    <xf numFmtId="0" fontId="7" fillId="0" borderId="0" xfId="0" applyFont="1" applyAlignment="1">
      <alignment vertical="center"/>
    </xf>
    <xf numFmtId="0" fontId="7" fillId="0" borderId="31" xfId="0" applyFont="1" applyBorder="1" applyAlignment="1">
      <alignment vertical="top"/>
    </xf>
    <xf numFmtId="0" fontId="7" fillId="0" borderId="55" xfId="0" applyFont="1" applyBorder="1" applyAlignment="1">
      <alignment vertical="top"/>
    </xf>
    <xf numFmtId="0" fontId="7" fillId="0" borderId="48" xfId="0" applyFont="1" applyBorder="1" applyAlignment="1">
      <alignment vertical="top"/>
    </xf>
    <xf numFmtId="0" fontId="7" fillId="0" borderId="47" xfId="0" applyFont="1" applyBorder="1" applyAlignment="1">
      <alignment vertical="top"/>
    </xf>
    <xf numFmtId="0" fontId="7" fillId="0" borderId="30" xfId="0" applyFont="1" applyBorder="1" applyAlignment="1">
      <alignment vertical="top"/>
    </xf>
    <xf numFmtId="0" fontId="7" fillId="0" borderId="12" xfId="0" applyFont="1" applyBorder="1" applyAlignment="1">
      <alignment vertical="top"/>
    </xf>
    <xf numFmtId="0" fontId="7" fillId="0" borderId="17" xfId="0" applyFont="1" applyFill="1" applyBorder="1" applyAlignment="1">
      <alignment vertical="center"/>
    </xf>
    <xf numFmtId="0" fontId="0" fillId="0" borderId="86" xfId="0" applyBorder="1" applyAlignment="1">
      <alignment vertical="top" wrapText="1"/>
    </xf>
    <xf numFmtId="0" fontId="9" fillId="0" borderId="117" xfId="0" applyFont="1" applyFill="1" applyBorder="1" applyAlignment="1">
      <alignment vertical="center" wrapText="1"/>
    </xf>
    <xf numFmtId="0" fontId="0" fillId="0" borderId="119" xfId="0" applyFill="1" applyBorder="1" applyAlignment="1">
      <alignment horizontal="center" vertical="center"/>
    </xf>
    <xf numFmtId="0" fontId="7" fillId="0" borderId="27" xfId="0" applyFont="1" applyFill="1" applyBorder="1" applyAlignment="1">
      <alignment vertical="center"/>
    </xf>
    <xf numFmtId="0" fontId="7" fillId="0" borderId="24" xfId="0" applyFont="1" applyFill="1" applyBorder="1" applyAlignment="1">
      <alignment vertical="center"/>
    </xf>
    <xf numFmtId="0" fontId="9" fillId="0" borderId="27" xfId="0" applyFont="1" applyFill="1" applyBorder="1" applyAlignment="1">
      <alignment vertical="center" wrapText="1"/>
    </xf>
    <xf numFmtId="0" fontId="9" fillId="0" borderId="25" xfId="0" applyFont="1" applyFill="1" applyBorder="1" applyAlignment="1">
      <alignment horizontal="center" vertical="center"/>
    </xf>
    <xf numFmtId="0" fontId="9" fillId="0" borderId="24" xfId="0" applyFont="1" applyFill="1" applyBorder="1" applyAlignment="1">
      <alignment horizontal="center" vertical="center"/>
    </xf>
    <xf numFmtId="0" fontId="9" fillId="0" borderId="23" xfId="0" applyFont="1" applyFill="1" applyBorder="1" applyAlignment="1">
      <alignment vertical="center"/>
    </xf>
    <xf numFmtId="0" fontId="9" fillId="0" borderId="21" xfId="0" applyFont="1" applyFill="1" applyBorder="1" applyAlignment="1">
      <alignment vertical="center"/>
    </xf>
    <xf numFmtId="0" fontId="9" fillId="0" borderId="20" xfId="0" applyFont="1" applyFill="1" applyBorder="1" applyAlignment="1">
      <alignment vertical="center"/>
    </xf>
    <xf numFmtId="0" fontId="7" fillId="0" borderId="19" xfId="0" applyFont="1" applyFill="1" applyBorder="1" applyAlignment="1">
      <alignment vertical="center"/>
    </xf>
    <xf numFmtId="0" fontId="7" fillId="0" borderId="115" xfId="0" applyFont="1" applyFill="1" applyBorder="1" applyAlignment="1">
      <alignment vertical="center"/>
    </xf>
    <xf numFmtId="0" fontId="9" fillId="0" borderId="29" xfId="0" applyFont="1" applyFill="1" applyBorder="1" applyAlignment="1">
      <alignment vertical="center"/>
    </xf>
    <xf numFmtId="0" fontId="9" fillId="0" borderId="31" xfId="0" applyFont="1" applyFill="1" applyBorder="1" applyAlignment="1">
      <alignment vertical="center"/>
    </xf>
    <xf numFmtId="0" fontId="9" fillId="0" borderId="28" xfId="0" applyFont="1" applyFill="1" applyBorder="1" applyAlignment="1">
      <alignment vertical="center"/>
    </xf>
    <xf numFmtId="0" fontId="7" fillId="0" borderId="116" xfId="0" applyFont="1" applyFill="1" applyBorder="1" applyAlignment="1">
      <alignment vertical="center"/>
    </xf>
    <xf numFmtId="0" fontId="7" fillId="0" borderId="116" xfId="0" applyFont="1" applyFill="1" applyBorder="1" applyAlignment="1">
      <alignment horizontal="left" vertical="center"/>
    </xf>
    <xf numFmtId="0" fontId="7" fillId="0" borderId="65" xfId="0" applyFont="1" applyFill="1" applyBorder="1" applyAlignment="1">
      <alignment horizontal="left" vertical="center"/>
    </xf>
    <xf numFmtId="0" fontId="7" fillId="0" borderId="90" xfId="0" applyFont="1" applyFill="1" applyBorder="1" applyAlignment="1">
      <alignment horizontal="left" vertical="center"/>
    </xf>
    <xf numFmtId="0" fontId="7" fillId="0" borderId="66" xfId="0" applyFont="1" applyFill="1" applyBorder="1" applyAlignment="1">
      <alignment horizontal="left" vertical="center"/>
    </xf>
    <xf numFmtId="0" fontId="7" fillId="0" borderId="115" xfId="0" applyFont="1" applyFill="1" applyBorder="1" applyAlignment="1">
      <alignment horizontal="left" vertical="center"/>
    </xf>
    <xf numFmtId="0" fontId="7" fillId="0" borderId="67" xfId="0" applyFont="1" applyFill="1" applyBorder="1" applyAlignment="1">
      <alignment horizontal="left" vertical="center"/>
    </xf>
    <xf numFmtId="0" fontId="7" fillId="0" borderId="117" xfId="0" applyFont="1" applyFill="1" applyBorder="1" applyAlignment="1">
      <alignment horizontal="center" vertical="center" shrinkToFit="1"/>
    </xf>
    <xf numFmtId="0" fontId="7" fillId="0" borderId="118" xfId="0" applyFont="1" applyFill="1" applyBorder="1" applyAlignment="1">
      <alignment horizontal="center" vertical="center" shrinkToFit="1"/>
    </xf>
    <xf numFmtId="0" fontId="7" fillId="0" borderId="122" xfId="0" applyFont="1" applyFill="1" applyBorder="1" applyAlignment="1">
      <alignment horizontal="left" vertical="center"/>
    </xf>
    <xf numFmtId="0" fontId="7" fillId="0" borderId="123" xfId="0" applyFont="1" applyFill="1" applyBorder="1" applyAlignment="1">
      <alignment horizontal="left" vertical="center"/>
    </xf>
    <xf numFmtId="0" fontId="7" fillId="0" borderId="124" xfId="0" applyFont="1" applyFill="1" applyBorder="1" applyAlignment="1">
      <alignment horizontal="left" vertical="center"/>
    </xf>
    <xf numFmtId="0" fontId="7" fillId="0" borderId="41" xfId="0" applyFont="1" applyFill="1" applyBorder="1" applyAlignment="1">
      <alignment vertical="center"/>
    </xf>
    <xf numFmtId="0" fontId="7" fillId="0" borderId="42" xfId="0" applyFont="1" applyFill="1" applyBorder="1" applyAlignment="1">
      <alignment vertical="center"/>
    </xf>
    <xf numFmtId="0" fontId="7" fillId="0" borderId="70" xfId="0" applyFont="1" applyFill="1" applyBorder="1" applyAlignment="1">
      <alignment vertical="center"/>
    </xf>
    <xf numFmtId="0" fontId="7" fillId="4" borderId="32" xfId="0" applyFont="1" applyFill="1" applyBorder="1" applyAlignment="1">
      <alignment vertical="top"/>
    </xf>
    <xf numFmtId="0" fontId="7" fillId="0" borderId="72" xfId="0" applyFont="1" applyFill="1" applyBorder="1" applyAlignment="1">
      <alignment vertical="top"/>
    </xf>
    <xf numFmtId="0" fontId="7" fillId="0" borderId="59" xfId="0" applyFont="1" applyFill="1" applyBorder="1" applyAlignment="1">
      <alignment vertical="top"/>
    </xf>
    <xf numFmtId="0" fontId="7" fillId="0" borderId="75" xfId="0" applyFont="1" applyFill="1" applyBorder="1" applyAlignment="1">
      <alignment vertical="top"/>
    </xf>
    <xf numFmtId="0" fontId="7" fillId="0" borderId="31" xfId="0" applyFont="1" applyFill="1" applyBorder="1" applyAlignment="1">
      <alignment vertical="center" wrapText="1"/>
    </xf>
    <xf numFmtId="0" fontId="7" fillId="0" borderId="48" xfId="0" applyFont="1" applyFill="1" applyBorder="1" applyAlignment="1">
      <alignment vertical="center"/>
    </xf>
    <xf numFmtId="0" fontId="7" fillId="4" borderId="30" xfId="0" applyFont="1" applyFill="1" applyBorder="1" applyAlignment="1">
      <alignment vertical="center"/>
    </xf>
    <xf numFmtId="0" fontId="7" fillId="4" borderId="22" xfId="0" applyFont="1" applyFill="1" applyBorder="1" applyAlignment="1">
      <alignment vertical="center"/>
    </xf>
    <xf numFmtId="0" fontId="7" fillId="0" borderId="87" xfId="0" applyFont="1" applyFill="1" applyBorder="1" applyAlignment="1">
      <alignment vertical="top"/>
    </xf>
    <xf numFmtId="0" fontId="7" fillId="0" borderId="44" xfId="0" applyFont="1" applyBorder="1" applyAlignment="1">
      <alignment vertical="center"/>
    </xf>
    <xf numFmtId="0" fontId="7" fillId="0" borderId="125" xfId="0" applyFont="1" applyBorder="1" applyAlignment="1">
      <alignment vertical="center"/>
    </xf>
    <xf numFmtId="0" fontId="0" fillId="0" borderId="45" xfId="0" applyBorder="1" applyAlignment="1">
      <alignment vertical="center"/>
    </xf>
    <xf numFmtId="0" fontId="0" fillId="0" borderId="121" xfId="0" applyBorder="1" applyAlignment="1">
      <alignment vertical="center"/>
    </xf>
    <xf numFmtId="0" fontId="7" fillId="0" borderId="48" xfId="0" applyFont="1" applyBorder="1" applyAlignment="1">
      <alignment vertical="center" wrapText="1"/>
    </xf>
    <xf numFmtId="0" fontId="7" fillId="0" borderId="124" xfId="0" applyFont="1" applyBorder="1" applyAlignment="1">
      <alignment vertical="center"/>
    </xf>
    <xf numFmtId="0" fontId="7" fillId="0" borderId="123" xfId="0" applyFont="1" applyFill="1" applyBorder="1" applyAlignment="1">
      <alignment vertical="center"/>
    </xf>
    <xf numFmtId="0" fontId="7" fillId="0" borderId="124" xfId="0" applyFont="1" applyFill="1" applyBorder="1" applyAlignment="1">
      <alignment vertical="center"/>
    </xf>
    <xf numFmtId="0" fontId="7" fillId="4" borderId="52" xfId="0" applyFont="1" applyFill="1" applyBorder="1" applyAlignment="1">
      <alignment vertical="center"/>
    </xf>
    <xf numFmtId="0" fontId="7" fillId="0" borderId="126" xfId="0" applyFont="1" applyFill="1" applyBorder="1" applyAlignment="1">
      <alignment vertical="center"/>
    </xf>
    <xf numFmtId="0" fontId="7" fillId="4" borderId="34" xfId="0" applyFont="1" applyFill="1" applyBorder="1" applyAlignment="1">
      <alignment vertical="center"/>
    </xf>
    <xf numFmtId="0" fontId="7" fillId="0" borderId="131" xfId="0" applyFont="1" applyFill="1" applyBorder="1" applyAlignment="1">
      <alignment horizontal="center" vertical="center" shrinkToFit="1"/>
    </xf>
    <xf numFmtId="0" fontId="7" fillId="0" borderId="19" xfId="0" applyFont="1" applyBorder="1" applyAlignment="1">
      <alignment horizontal="center" vertical="center" shrinkToFit="1"/>
    </xf>
    <xf numFmtId="0" fontId="7" fillId="0" borderId="17" xfId="0" applyFont="1" applyBorder="1" applyAlignment="1">
      <alignment horizontal="center" vertical="center" shrinkToFit="1"/>
    </xf>
    <xf numFmtId="0" fontId="7" fillId="0" borderId="135" xfId="0" applyFont="1" applyBorder="1" applyAlignment="1">
      <alignment vertical="center"/>
    </xf>
    <xf numFmtId="0" fontId="7" fillId="0" borderId="54" xfId="0" applyFont="1" applyBorder="1" applyAlignment="1">
      <alignment vertical="top"/>
    </xf>
    <xf numFmtId="0" fontId="0" fillId="0" borderId="54" xfId="0" applyBorder="1" applyAlignment="1">
      <alignment vertical="center"/>
    </xf>
    <xf numFmtId="0" fontId="7" fillId="0" borderId="132" xfId="0" applyFont="1" applyBorder="1" applyAlignment="1">
      <alignment vertical="top"/>
    </xf>
    <xf numFmtId="0" fontId="7" fillId="0" borderId="32" xfId="0" applyFont="1" applyFill="1" applyBorder="1" applyAlignment="1">
      <alignment vertical="top"/>
    </xf>
    <xf numFmtId="0" fontId="7" fillId="0" borderId="68" xfId="0" applyFont="1" applyBorder="1" applyAlignment="1">
      <alignment vertical="center"/>
    </xf>
    <xf numFmtId="0" fontId="7" fillId="0" borderId="54" xfId="0" applyFont="1" applyFill="1" applyBorder="1" applyAlignment="1">
      <alignment vertical="center"/>
    </xf>
    <xf numFmtId="0" fontId="7" fillId="0" borderId="130" xfId="0" applyFont="1" applyBorder="1" applyAlignment="1">
      <alignment vertical="top"/>
    </xf>
    <xf numFmtId="0" fontId="7" fillId="0" borderId="12" xfId="0" applyFont="1" applyFill="1" applyBorder="1" applyAlignment="1">
      <alignment vertical="top"/>
    </xf>
    <xf numFmtId="0" fontId="7" fillId="0" borderId="54" xfId="0" applyFont="1" applyFill="1" applyBorder="1" applyAlignment="1">
      <alignment vertical="top"/>
    </xf>
    <xf numFmtId="0" fontId="7" fillId="0" borderId="68" xfId="0" applyFont="1" applyFill="1" applyBorder="1" applyAlignment="1">
      <alignment vertical="center"/>
    </xf>
    <xf numFmtId="0" fontId="7" fillId="4" borderId="43" xfId="0" applyFont="1" applyFill="1" applyBorder="1" applyAlignment="1">
      <alignment vertical="top"/>
    </xf>
    <xf numFmtId="0" fontId="7" fillId="4" borderId="54" xfId="0" applyFont="1" applyFill="1" applyBorder="1" applyAlignment="1">
      <alignment vertical="center"/>
    </xf>
    <xf numFmtId="0" fontId="7" fillId="0" borderId="136" xfId="0" applyFont="1" applyFill="1" applyBorder="1" applyAlignment="1">
      <alignment vertical="top"/>
    </xf>
    <xf numFmtId="0" fontId="7" fillId="0" borderId="137" xfId="0" applyFont="1" applyFill="1" applyBorder="1" applyAlignment="1">
      <alignment vertical="center"/>
    </xf>
    <xf numFmtId="0" fontId="7" fillId="0" borderId="138" xfId="0" applyFont="1" applyFill="1" applyBorder="1" applyAlignment="1">
      <alignment vertical="center"/>
    </xf>
    <xf numFmtId="0" fontId="7" fillId="0" borderId="72" xfId="0" applyFont="1" applyFill="1" applyBorder="1" applyAlignment="1">
      <alignment vertical="center"/>
    </xf>
    <xf numFmtId="0" fontId="7" fillId="0" borderId="71" xfId="0" applyFont="1" applyFill="1" applyBorder="1" applyAlignment="1">
      <alignment vertical="center"/>
    </xf>
    <xf numFmtId="0" fontId="7" fillId="0" borderId="73" xfId="0" applyFont="1" applyFill="1" applyBorder="1" applyAlignment="1">
      <alignment vertical="center"/>
    </xf>
    <xf numFmtId="0" fontId="0" fillId="0" borderId="0" xfId="0" applyFill="1" applyAlignment="1">
      <alignment vertical="center"/>
    </xf>
    <xf numFmtId="0" fontId="7" fillId="0" borderId="58" xfId="0" applyFont="1" applyFill="1" applyBorder="1" applyAlignment="1">
      <alignment vertical="center"/>
    </xf>
    <xf numFmtId="0" fontId="7" fillId="0" borderId="60" xfId="0" applyFont="1" applyFill="1" applyBorder="1" applyAlignment="1">
      <alignment vertical="center"/>
    </xf>
    <xf numFmtId="0" fontId="7" fillId="0" borderId="59" xfId="0" applyFont="1" applyFill="1" applyBorder="1" applyAlignment="1">
      <alignment vertical="center"/>
    </xf>
    <xf numFmtId="0" fontId="7" fillId="0" borderId="74" xfId="0" applyFont="1" applyFill="1" applyBorder="1" applyAlignment="1">
      <alignment vertical="center"/>
    </xf>
    <xf numFmtId="0" fontId="7" fillId="0" borderId="139" xfId="0" applyFont="1" applyFill="1" applyBorder="1" applyAlignment="1">
      <alignment vertical="center"/>
    </xf>
    <xf numFmtId="0" fontId="7" fillId="0" borderId="75" xfId="0" applyFont="1" applyFill="1" applyBorder="1" applyAlignment="1">
      <alignment vertical="center"/>
    </xf>
    <xf numFmtId="0" fontId="7" fillId="0" borderId="61" xfId="0" applyFont="1" applyFill="1" applyBorder="1" applyAlignment="1">
      <alignment vertical="top"/>
    </xf>
    <xf numFmtId="0" fontId="7" fillId="0" borderId="140" xfId="0" applyFont="1" applyFill="1" applyBorder="1" applyAlignment="1">
      <alignment vertical="center"/>
    </xf>
    <xf numFmtId="0" fontId="7" fillId="0" borderId="141" xfId="0" applyFont="1" applyFill="1" applyBorder="1" applyAlignment="1">
      <alignment vertical="center"/>
    </xf>
    <xf numFmtId="0" fontId="7" fillId="0" borderId="61" xfId="0" applyFont="1" applyFill="1" applyBorder="1" applyAlignment="1">
      <alignment vertical="center"/>
    </xf>
    <xf numFmtId="0" fontId="7" fillId="0" borderId="40" xfId="0" applyFont="1" applyFill="1" applyBorder="1" applyAlignment="1">
      <alignment vertical="center"/>
    </xf>
    <xf numFmtId="0" fontId="7" fillId="0" borderId="0" xfId="0" applyFont="1" applyFill="1" applyAlignment="1">
      <alignment vertical="center"/>
    </xf>
    <xf numFmtId="0" fontId="7" fillId="0" borderId="24" xfId="0" applyFont="1" applyFill="1" applyBorder="1" applyAlignment="1">
      <alignment horizontal="center" vertical="center"/>
    </xf>
    <xf numFmtId="0" fontId="6" fillId="0" borderId="40" xfId="0" applyFont="1" applyFill="1" applyBorder="1" applyAlignment="1">
      <alignment vertical="center"/>
    </xf>
    <xf numFmtId="0" fontId="7" fillId="0" borderId="39" xfId="0" applyFont="1" applyFill="1" applyBorder="1" applyAlignment="1">
      <alignment vertical="center"/>
    </xf>
    <xf numFmtId="0" fontId="7" fillId="0" borderId="38" xfId="0" applyFont="1" applyFill="1" applyBorder="1" applyAlignment="1">
      <alignment vertical="center"/>
    </xf>
    <xf numFmtId="0" fontId="7" fillId="0" borderId="133" xfId="0" applyFont="1" applyFill="1" applyBorder="1" applyAlignment="1">
      <alignment vertical="center"/>
    </xf>
    <xf numFmtId="0" fontId="7" fillId="0" borderId="20" xfId="0" applyFont="1" applyFill="1" applyBorder="1" applyAlignment="1">
      <alignment horizontal="center" vertical="center"/>
    </xf>
    <xf numFmtId="0" fontId="6" fillId="0" borderId="41" xfId="0" applyFont="1" applyFill="1" applyBorder="1" applyAlignment="1">
      <alignment vertical="center"/>
    </xf>
    <xf numFmtId="0" fontId="7" fillId="0" borderId="41" xfId="0" applyFont="1" applyFill="1" applyBorder="1" applyAlignment="1">
      <alignment horizontal="left" vertical="center"/>
    </xf>
    <xf numFmtId="0" fontId="7" fillId="0" borderId="70" xfId="0" applyFont="1" applyFill="1" applyBorder="1" applyAlignment="1">
      <alignment horizontal="center" vertical="center" shrinkToFit="1"/>
    </xf>
    <xf numFmtId="0" fontId="7" fillId="0" borderId="0" xfId="0" applyFont="1" applyFill="1" applyBorder="1" applyAlignment="1">
      <alignment horizontal="center" vertical="center" shrinkToFit="1"/>
    </xf>
    <xf numFmtId="0" fontId="7" fillId="0" borderId="39" xfId="0" applyFont="1" applyFill="1" applyBorder="1" applyAlignment="1">
      <alignment horizontal="center" vertical="center" shrinkToFit="1"/>
    </xf>
    <xf numFmtId="0" fontId="0" fillId="0" borderId="130" xfId="0" applyFill="1" applyBorder="1" applyAlignment="1">
      <alignment vertical="center"/>
    </xf>
    <xf numFmtId="0" fontId="0" fillId="0" borderId="132" xfId="0" applyFill="1" applyBorder="1" applyAlignment="1">
      <alignment vertical="center"/>
    </xf>
    <xf numFmtId="0" fontId="7" fillId="0" borderId="134" xfId="0" applyFont="1" applyFill="1" applyBorder="1" applyAlignment="1">
      <alignment horizontal="center" vertical="center"/>
    </xf>
    <xf numFmtId="0" fontId="7" fillId="0" borderId="23" xfId="0" applyFont="1" applyFill="1" applyBorder="1" applyAlignment="1">
      <alignment horizontal="center" vertical="center" shrinkToFit="1"/>
    </xf>
    <xf numFmtId="0" fontId="7" fillId="0" borderId="20" xfId="0" applyFont="1" applyFill="1" applyBorder="1" applyAlignment="1">
      <alignment horizontal="center" vertical="center" shrinkToFit="1"/>
    </xf>
    <xf numFmtId="0" fontId="7" fillId="0" borderId="42" xfId="0" applyFont="1" applyFill="1" applyBorder="1" applyAlignment="1">
      <alignment horizontal="center" vertical="center" shrinkToFit="1"/>
    </xf>
    <xf numFmtId="0" fontId="7" fillId="0" borderId="41" xfId="0" applyFont="1" applyFill="1" applyBorder="1" applyAlignment="1">
      <alignment horizontal="center" vertical="center" shrinkToFit="1"/>
    </xf>
    <xf numFmtId="0" fontId="0" fillId="0" borderId="127" xfId="0" applyFill="1" applyBorder="1" applyAlignment="1">
      <alignment horizontal="center" vertical="center"/>
    </xf>
    <xf numFmtId="0" fontId="0" fillId="0" borderId="128" xfId="0" applyFill="1" applyBorder="1" applyAlignment="1">
      <alignment horizontal="center" vertical="center"/>
    </xf>
    <xf numFmtId="0" fontId="0" fillId="0" borderId="129" xfId="0" applyFill="1" applyBorder="1" applyAlignment="1">
      <alignment horizontal="center" vertical="center"/>
    </xf>
    <xf numFmtId="0" fontId="0" fillId="0" borderId="0" xfId="0" applyBorder="1" applyAlignment="1">
      <alignment vertical="center"/>
    </xf>
    <xf numFmtId="0" fontId="0" fillId="0" borderId="39" xfId="0" applyBorder="1" applyAlignment="1">
      <alignment vertical="center"/>
    </xf>
    <xf numFmtId="0" fontId="7" fillId="0" borderId="127" xfId="0" applyFont="1" applyFill="1" applyBorder="1" applyAlignment="1">
      <alignment vertical="center"/>
    </xf>
    <xf numFmtId="0" fontId="7" fillId="4" borderId="142" xfId="0" applyFont="1" applyFill="1" applyBorder="1" applyAlignment="1">
      <alignment vertical="center"/>
    </xf>
    <xf numFmtId="0" fontId="7" fillId="0" borderId="44" xfId="0" applyFont="1" applyFill="1" applyBorder="1" applyAlignment="1">
      <alignment vertical="center"/>
    </xf>
    <xf numFmtId="0" fontId="7" fillId="0" borderId="68" xfId="0" applyFont="1" applyFill="1" applyBorder="1" applyAlignment="1">
      <alignment vertical="top"/>
    </xf>
    <xf numFmtId="0" fontId="7" fillId="0" borderId="25" xfId="0" applyFont="1" applyFill="1" applyBorder="1" applyAlignment="1">
      <alignment vertical="center"/>
    </xf>
    <xf numFmtId="0" fontId="7" fillId="0" borderId="131" xfId="0" applyFont="1" applyBorder="1" applyAlignment="1">
      <alignment vertical="center"/>
    </xf>
    <xf numFmtId="0" fontId="7" fillId="0" borderId="132" xfId="0" applyFont="1" applyFill="1" applyBorder="1" applyAlignment="1">
      <alignment vertical="center"/>
    </xf>
    <xf numFmtId="0" fontId="7" fillId="4" borderId="143" xfId="0" applyFont="1" applyFill="1" applyBorder="1" applyAlignment="1">
      <alignment vertical="center"/>
    </xf>
    <xf numFmtId="0" fontId="0" fillId="0" borderId="131" xfId="0" applyFill="1" applyBorder="1" applyAlignment="1">
      <alignment vertical="center"/>
    </xf>
    <xf numFmtId="0" fontId="7" fillId="4" borderId="132" xfId="0" applyFont="1" applyFill="1" applyBorder="1" applyAlignment="1">
      <alignment vertical="top"/>
    </xf>
    <xf numFmtId="0" fontId="7" fillId="0" borderId="136" xfId="0" applyFont="1" applyFill="1" applyBorder="1" applyAlignment="1">
      <alignment vertical="center"/>
    </xf>
    <xf numFmtId="0" fontId="0" fillId="0" borderId="130" xfId="0" applyBorder="1">
      <alignment vertical="center"/>
    </xf>
    <xf numFmtId="177" fontId="0" fillId="0" borderId="130" xfId="0" applyNumberFormat="1" applyBorder="1">
      <alignment vertical="center"/>
    </xf>
    <xf numFmtId="0" fontId="0" fillId="0" borderId="130" xfId="0" applyFill="1" applyBorder="1" applyAlignment="1">
      <alignment vertical="top" wrapText="1"/>
    </xf>
    <xf numFmtId="0" fontId="0" fillId="0" borderId="0" xfId="0" applyBorder="1">
      <alignment vertical="center"/>
    </xf>
    <xf numFmtId="177" fontId="0" fillId="0" borderId="0" xfId="0" applyNumberFormat="1" applyBorder="1">
      <alignment vertical="center"/>
    </xf>
    <xf numFmtId="0" fontId="0" fillId="4" borderId="37" xfId="0" applyFill="1" applyBorder="1" applyAlignment="1">
      <alignment horizontal="right" vertical="center"/>
    </xf>
    <xf numFmtId="0" fontId="7" fillId="4" borderId="0" xfId="0" applyFont="1" applyFill="1" applyBorder="1" applyAlignment="1">
      <alignment horizontal="left" vertical="center"/>
    </xf>
    <xf numFmtId="0" fontId="0" fillId="0" borderId="30" xfId="0" quotePrefix="1" applyFill="1" applyBorder="1">
      <alignment vertical="center"/>
    </xf>
    <xf numFmtId="177" fontId="0" fillId="0" borderId="31" xfId="0" applyNumberFormat="1" applyFill="1" applyBorder="1">
      <alignment vertical="center"/>
    </xf>
    <xf numFmtId="0" fontId="0" fillId="0" borderId="21" xfId="0" applyFill="1" applyBorder="1" applyAlignment="1">
      <alignment vertical="top" wrapText="1"/>
    </xf>
    <xf numFmtId="0" fontId="0" fillId="0" borderId="12" xfId="0" applyFill="1" applyBorder="1">
      <alignment vertical="center"/>
    </xf>
    <xf numFmtId="177" fontId="0" fillId="0" borderId="48" xfId="0" applyNumberFormat="1" applyFill="1" applyBorder="1">
      <alignment vertical="center"/>
    </xf>
    <xf numFmtId="0" fontId="0" fillId="0" borderId="21" xfId="0" applyFill="1" applyBorder="1" applyAlignment="1">
      <alignment vertical="center" wrapText="1"/>
    </xf>
    <xf numFmtId="0" fontId="0" fillId="0" borderId="13" xfId="0" applyFill="1" applyBorder="1">
      <alignment vertical="center"/>
    </xf>
    <xf numFmtId="177" fontId="0" fillId="0" borderId="47" xfId="0" applyNumberFormat="1" applyFill="1" applyBorder="1">
      <alignment vertical="center"/>
    </xf>
    <xf numFmtId="0" fontId="6" fillId="0" borderId="0" xfId="0" applyFont="1" applyAlignment="1">
      <alignment horizontal="right" vertical="center"/>
    </xf>
    <xf numFmtId="0" fontId="7" fillId="0" borderId="4" xfId="0" applyFont="1" applyFill="1" applyBorder="1">
      <alignment vertical="center"/>
    </xf>
    <xf numFmtId="0" fontId="6" fillId="0" borderId="48" xfId="0" applyFont="1" applyBorder="1" applyAlignment="1">
      <alignment horizontal="center" vertical="center"/>
    </xf>
    <xf numFmtId="0" fontId="6" fillId="0" borderId="47" xfId="0" applyFont="1" applyBorder="1" applyAlignment="1">
      <alignment horizontal="center" vertical="center"/>
    </xf>
    <xf numFmtId="0" fontId="6" fillId="2" borderId="101" xfId="0" applyFont="1" applyFill="1" applyBorder="1" applyAlignment="1">
      <alignment horizontal="left" vertical="center" wrapText="1"/>
    </xf>
    <xf numFmtId="0" fontId="6" fillId="2" borderId="102" xfId="0" applyFont="1" applyFill="1" applyBorder="1" applyAlignment="1">
      <alignment horizontal="left" vertical="center" wrapText="1"/>
    </xf>
    <xf numFmtId="0" fontId="6" fillId="2" borderId="103" xfId="0" applyFont="1" applyFill="1" applyBorder="1" applyAlignment="1">
      <alignment horizontal="left" vertical="center" wrapText="1"/>
    </xf>
    <xf numFmtId="0" fontId="6" fillId="2" borderId="104" xfId="0" applyFont="1" applyFill="1" applyBorder="1" applyAlignment="1">
      <alignment horizontal="left" vertical="center" wrapText="1"/>
    </xf>
    <xf numFmtId="0" fontId="6" fillId="2" borderId="105" xfId="0" applyFont="1" applyFill="1" applyBorder="1" applyAlignment="1">
      <alignment horizontal="left" vertical="center" wrapText="1"/>
    </xf>
    <xf numFmtId="0" fontId="6" fillId="2" borderId="106" xfId="0" applyFont="1" applyFill="1" applyBorder="1" applyAlignment="1">
      <alignment horizontal="left" vertical="center"/>
    </xf>
    <xf numFmtId="0" fontId="6" fillId="2" borderId="107" xfId="0" applyFont="1" applyFill="1" applyBorder="1" applyAlignment="1">
      <alignment horizontal="left" vertical="top" wrapText="1"/>
    </xf>
    <xf numFmtId="0" fontId="6" fillId="2" borderId="108" xfId="0" applyFont="1" applyFill="1" applyBorder="1" applyAlignment="1">
      <alignment horizontal="left" vertical="top" wrapText="1"/>
    </xf>
    <xf numFmtId="0" fontId="6" fillId="2" borderId="109" xfId="0" applyFont="1" applyFill="1" applyBorder="1" applyAlignment="1">
      <alignment horizontal="left" vertical="center" wrapText="1"/>
    </xf>
    <xf numFmtId="0" fontId="6" fillId="2" borderId="49" xfId="0" applyFont="1" applyFill="1" applyBorder="1" applyAlignment="1">
      <alignment horizontal="left" vertical="center" wrapText="1"/>
    </xf>
    <xf numFmtId="0" fontId="6" fillId="2" borderId="106" xfId="0" applyFont="1" applyFill="1" applyBorder="1" applyAlignment="1">
      <alignment horizontal="left" vertical="center" wrapText="1"/>
    </xf>
  </cellXfs>
  <cellStyles count="1">
    <cellStyle name="標準" xfId="0" builtinId="0"/>
  </cellStyles>
  <dxfs count="0"/>
  <tableStyles count="0" defaultTableStyle="TableStyleMedium2" defaultPivotStyle="PivotStyleLight16"/>
  <colors>
    <mruColors>
      <color rgb="FFCCFFFF"/>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28"/>
  <sheetViews>
    <sheetView tabSelected="1" workbookViewId="0"/>
  </sheetViews>
  <sheetFormatPr defaultRowHeight="14.25"/>
  <cols>
    <col min="1" max="1" width="6.125" bestFit="1" customWidth="1"/>
    <col min="2" max="2" width="16.125" bestFit="1" customWidth="1"/>
    <col min="3" max="3" width="80.125" customWidth="1"/>
  </cols>
  <sheetData>
    <row r="1" spans="1:3" ht="18" customHeight="1">
      <c r="A1" s="75" t="s">
        <v>248</v>
      </c>
    </row>
    <row r="2" spans="1:3">
      <c r="A2" s="76" t="s">
        <v>249</v>
      </c>
      <c r="B2" s="76" t="s">
        <v>250</v>
      </c>
      <c r="C2" s="76" t="s">
        <v>251</v>
      </c>
    </row>
    <row r="3" spans="1:3">
      <c r="A3" s="77" t="s">
        <v>252</v>
      </c>
      <c r="B3" s="78">
        <v>45589</v>
      </c>
      <c r="C3" s="79" t="s">
        <v>253</v>
      </c>
    </row>
    <row r="4" spans="1:3" ht="80.25" customHeight="1">
      <c r="A4" s="80" t="s">
        <v>254</v>
      </c>
      <c r="B4" s="81">
        <v>45602</v>
      </c>
      <c r="C4" s="82" t="s">
        <v>327</v>
      </c>
    </row>
    <row r="5" spans="1:3" ht="109.5" customHeight="1">
      <c r="A5" s="83"/>
      <c r="B5" s="84"/>
      <c r="C5" s="85" t="s">
        <v>324</v>
      </c>
    </row>
    <row r="6" spans="1:3" ht="61.5" customHeight="1">
      <c r="A6" s="83"/>
      <c r="B6" s="84"/>
      <c r="C6" s="213" t="s">
        <v>325</v>
      </c>
    </row>
    <row r="7" spans="1:3" ht="84.75" customHeight="1">
      <c r="A7" s="83"/>
      <c r="B7" s="84"/>
      <c r="C7" s="213" t="s">
        <v>316</v>
      </c>
    </row>
    <row r="8" spans="1:3" ht="79.5" customHeight="1">
      <c r="A8" s="86"/>
      <c r="B8" s="87"/>
      <c r="C8" s="88" t="s">
        <v>328</v>
      </c>
    </row>
    <row r="9" spans="1:3" ht="57">
      <c r="A9" s="340" t="s">
        <v>350</v>
      </c>
      <c r="B9" s="341">
        <v>45621</v>
      </c>
      <c r="C9" s="342" t="s">
        <v>379</v>
      </c>
    </row>
    <row r="10" spans="1:3" ht="57">
      <c r="A10" s="343"/>
      <c r="B10" s="344"/>
      <c r="C10" s="345" t="s">
        <v>371</v>
      </c>
    </row>
    <row r="11" spans="1:3" ht="85.5">
      <c r="A11" s="343"/>
      <c r="B11" s="344"/>
      <c r="C11" s="342" t="s">
        <v>380</v>
      </c>
    </row>
    <row r="12" spans="1:3" ht="42.75">
      <c r="A12" s="343"/>
      <c r="B12" s="344"/>
      <c r="C12" s="342" t="s">
        <v>372</v>
      </c>
    </row>
    <row r="13" spans="1:3" ht="28.5">
      <c r="A13" s="343"/>
      <c r="B13" s="344"/>
      <c r="C13" s="342" t="s">
        <v>373</v>
      </c>
    </row>
    <row r="14" spans="1:3" ht="28.5">
      <c r="A14" s="343"/>
      <c r="B14" s="344"/>
      <c r="C14" s="342" t="s">
        <v>374</v>
      </c>
    </row>
    <row r="15" spans="1:3" ht="28.5">
      <c r="A15" s="346"/>
      <c r="B15" s="347"/>
      <c r="C15" s="342" t="s">
        <v>375</v>
      </c>
    </row>
    <row r="16" spans="1:3">
      <c r="A16" s="333"/>
      <c r="B16" s="334"/>
      <c r="C16" s="335"/>
    </row>
    <row r="17" spans="1:3">
      <c r="A17" s="336"/>
      <c r="B17" s="337"/>
      <c r="C17" s="336"/>
    </row>
    <row r="18" spans="1:3">
      <c r="B18" s="89"/>
    </row>
    <row r="19" spans="1:3">
      <c r="B19" s="89"/>
    </row>
    <row r="20" spans="1:3">
      <c r="B20" s="89"/>
    </row>
    <row r="21" spans="1:3">
      <c r="B21" s="89"/>
    </row>
    <row r="22" spans="1:3">
      <c r="B22" s="89"/>
    </row>
    <row r="23" spans="1:3">
      <c r="B23" s="89"/>
    </row>
    <row r="24" spans="1:3">
      <c r="B24" s="89"/>
    </row>
    <row r="25" spans="1:3">
      <c r="B25" s="89"/>
    </row>
    <row r="26" spans="1:3">
      <c r="B26" s="89"/>
    </row>
    <row r="27" spans="1:3">
      <c r="B27" s="89"/>
    </row>
    <row r="28" spans="1:3">
      <c r="B28" s="89"/>
    </row>
  </sheetData>
  <phoneticPr fontId="1"/>
  <pageMargins left="0.7" right="0.7" top="0.75" bottom="0.75" header="0.3" footer="0.3"/>
  <pageSetup paperSize="9" scale="80" orientation="portrait"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pageSetUpPr autoPageBreaks="0" fitToPage="1"/>
  </sheetPr>
  <dimension ref="A1:AO199"/>
  <sheetViews>
    <sheetView workbookViewId="0"/>
  </sheetViews>
  <sheetFormatPr defaultColWidth="9" defaultRowHeight="14.25"/>
  <cols>
    <col min="1" max="1" width="17.25" style="103" customWidth="1"/>
    <col min="2" max="2" width="14.125" style="103" customWidth="1"/>
    <col min="3" max="3" width="17.625" style="103" customWidth="1"/>
    <col min="4" max="4" width="20.125" style="103" customWidth="1"/>
    <col min="5" max="6" width="10.625" style="103" customWidth="1"/>
    <col min="7" max="9" width="8.25" style="103" customWidth="1"/>
    <col min="10" max="10" width="19.5" style="103" customWidth="1"/>
    <col min="11" max="11" width="7.875" style="103" customWidth="1"/>
    <col min="12" max="43" width="8.25" style="103" customWidth="1"/>
    <col min="44" max="16384" width="9" style="103"/>
  </cols>
  <sheetData>
    <row r="1" spans="1:41" ht="29.25" customHeight="1" thickBot="1">
      <c r="A1" s="68" t="s">
        <v>73</v>
      </c>
      <c r="B1" s="338"/>
      <c r="C1" s="1" t="s">
        <v>121</v>
      </c>
      <c r="D1" s="214" t="s">
        <v>259</v>
      </c>
      <c r="E1" s="215" t="s">
        <v>260</v>
      </c>
      <c r="F1" s="216" t="s">
        <v>255</v>
      </c>
      <c r="G1" s="217"/>
      <c r="H1" s="216" t="s">
        <v>256</v>
      </c>
      <c r="I1" s="217"/>
      <c r="J1" s="218" t="s">
        <v>239</v>
      </c>
      <c r="K1" s="219" t="s">
        <v>240</v>
      </c>
      <c r="L1" s="220" t="s">
        <v>241</v>
      </c>
      <c r="M1" s="317" t="s">
        <v>329</v>
      </c>
    </row>
    <row r="2" spans="1:41">
      <c r="A2" s="69" t="s">
        <v>72</v>
      </c>
      <c r="B2" s="4"/>
      <c r="C2" s="6"/>
      <c r="D2" s="104"/>
      <c r="E2" s="105"/>
      <c r="F2" s="123" t="s">
        <v>242</v>
      </c>
      <c r="G2" s="124"/>
      <c r="H2" s="123" t="s">
        <v>257</v>
      </c>
      <c r="I2" s="124"/>
      <c r="J2" s="221" t="s">
        <v>261</v>
      </c>
      <c r="K2" s="222"/>
      <c r="L2" s="223"/>
      <c r="M2" s="318"/>
    </row>
    <row r="3" spans="1:41">
      <c r="A3" s="71" t="s">
        <v>71</v>
      </c>
      <c r="B3" s="72" t="s">
        <v>70</v>
      </c>
      <c r="C3" s="4"/>
      <c r="D3" s="72" t="s">
        <v>69</v>
      </c>
      <c r="E3" s="5"/>
      <c r="F3" s="123" t="s">
        <v>243</v>
      </c>
      <c r="G3" s="124"/>
      <c r="H3" s="123" t="s">
        <v>258</v>
      </c>
      <c r="I3" s="124"/>
      <c r="J3" s="221" t="s">
        <v>151</v>
      </c>
      <c r="K3" s="222"/>
      <c r="L3" s="223"/>
      <c r="M3" s="318"/>
    </row>
    <row r="4" spans="1:41" ht="15" thickBot="1">
      <c r="A4" s="3" t="s">
        <v>68</v>
      </c>
      <c r="B4" s="2"/>
      <c r="C4" s="7"/>
      <c r="D4" s="8"/>
      <c r="E4" s="73"/>
      <c r="F4" s="224" t="s">
        <v>244</v>
      </c>
      <c r="G4" s="212"/>
      <c r="H4" s="225"/>
      <c r="I4" s="168"/>
      <c r="J4" s="226" t="s">
        <v>152</v>
      </c>
      <c r="K4" s="227"/>
      <c r="L4" s="228"/>
      <c r="M4" s="319"/>
    </row>
    <row r="5" spans="1:41">
      <c r="A5" s="95" t="s">
        <v>340</v>
      </c>
      <c r="B5" s="205"/>
      <c r="C5" s="205"/>
      <c r="D5" s="205"/>
      <c r="E5" s="299" t="s">
        <v>341</v>
      </c>
      <c r="F5" s="300" t="s">
        <v>335</v>
      </c>
      <c r="G5" s="301"/>
      <c r="H5" s="297" t="s">
        <v>330</v>
      </c>
      <c r="I5" s="301"/>
      <c r="J5" s="302" t="s">
        <v>144</v>
      </c>
      <c r="K5" s="91"/>
      <c r="L5" s="91"/>
      <c r="M5" s="96"/>
      <c r="N5" s="90" t="s">
        <v>145</v>
      </c>
      <c r="O5" s="91"/>
      <c r="P5" s="91"/>
      <c r="Q5" s="92"/>
      <c r="R5" s="90" t="s">
        <v>143</v>
      </c>
      <c r="S5" s="91"/>
      <c r="T5" s="106" t="s">
        <v>135</v>
      </c>
      <c r="U5" s="107"/>
      <c r="V5" s="90" t="s">
        <v>142</v>
      </c>
      <c r="W5" s="91"/>
      <c r="X5" s="106" t="s">
        <v>135</v>
      </c>
      <c r="Y5" s="107"/>
      <c r="Z5" s="90" t="s">
        <v>141</v>
      </c>
      <c r="AA5" s="91"/>
      <c r="AB5" s="106" t="s">
        <v>135</v>
      </c>
      <c r="AC5" s="107"/>
      <c r="AD5" s="90" t="s">
        <v>140</v>
      </c>
      <c r="AE5" s="91"/>
      <c r="AF5" s="106" t="s">
        <v>135</v>
      </c>
      <c r="AG5" s="107"/>
      <c r="AH5" s="90" t="s">
        <v>146</v>
      </c>
      <c r="AI5" s="91"/>
      <c r="AJ5" s="106" t="s">
        <v>135</v>
      </c>
      <c r="AK5" s="107"/>
      <c r="AL5" s="90" t="s">
        <v>147</v>
      </c>
      <c r="AM5" s="91"/>
      <c r="AN5" s="106" t="s">
        <v>135</v>
      </c>
      <c r="AO5" s="107"/>
    </row>
    <row r="6" spans="1:41" s="286" customFormat="1">
      <c r="A6" s="297" t="s">
        <v>342</v>
      </c>
      <c r="B6" s="298"/>
      <c r="C6" s="298"/>
      <c r="D6" s="303"/>
      <c r="E6" s="304" t="s">
        <v>343</v>
      </c>
      <c r="F6" s="305" t="s">
        <v>336</v>
      </c>
      <c r="G6" s="243"/>
      <c r="H6" s="306" t="s">
        <v>331</v>
      </c>
      <c r="I6" s="307"/>
      <c r="J6" s="44" t="s">
        <v>67</v>
      </c>
      <c r="K6" s="339"/>
      <c r="M6" s="309"/>
      <c r="N6" s="44" t="s">
        <v>67</v>
      </c>
      <c r="O6" s="339"/>
      <c r="P6" s="310"/>
      <c r="Q6" s="311"/>
      <c r="R6" s="44" t="s">
        <v>67</v>
      </c>
      <c r="S6" s="339"/>
      <c r="T6" s="310"/>
      <c r="U6" s="311"/>
      <c r="V6" s="44" t="s">
        <v>67</v>
      </c>
      <c r="W6" s="339"/>
      <c r="X6" s="310"/>
      <c r="Y6" s="311"/>
      <c r="Z6" s="44" t="s">
        <v>67</v>
      </c>
      <c r="AA6" s="339"/>
      <c r="AB6" s="310"/>
      <c r="AC6" s="311"/>
      <c r="AD6" s="44" t="s">
        <v>67</v>
      </c>
      <c r="AE6" s="339"/>
      <c r="AF6" s="310"/>
      <c r="AG6" s="311"/>
      <c r="AH6" s="44" t="s">
        <v>67</v>
      </c>
      <c r="AI6" s="339"/>
      <c r="AJ6" s="310"/>
      <c r="AK6" s="311"/>
      <c r="AL6" s="264" t="s">
        <v>67</v>
      </c>
      <c r="AM6" s="339"/>
      <c r="AN6" s="310"/>
      <c r="AO6" s="311"/>
    </row>
    <row r="7" spans="1:41" s="286" customFormat="1">
      <c r="A7" s="241" t="s">
        <v>344</v>
      </c>
      <c r="B7" s="242"/>
      <c r="C7" s="242"/>
      <c r="D7" s="158"/>
      <c r="E7" s="312" t="s">
        <v>345</v>
      </c>
      <c r="F7" s="313" t="s">
        <v>337</v>
      </c>
      <c r="G7" s="314" t="s">
        <v>338</v>
      </c>
      <c r="H7" s="313" t="s">
        <v>332</v>
      </c>
      <c r="I7" s="314" t="s">
        <v>333</v>
      </c>
      <c r="J7" s="308" t="s">
        <v>104</v>
      </c>
      <c r="K7" s="339"/>
      <c r="L7" s="308"/>
      <c r="M7" s="309"/>
      <c r="N7" s="308" t="s">
        <v>104</v>
      </c>
      <c r="O7" s="339"/>
      <c r="P7" s="315"/>
      <c r="Q7" s="307"/>
      <c r="R7" s="308" t="s">
        <v>104</v>
      </c>
      <c r="S7" s="339"/>
      <c r="T7" s="315"/>
      <c r="U7" s="307"/>
      <c r="V7" s="308" t="s">
        <v>104</v>
      </c>
      <c r="W7" s="339"/>
      <c r="X7" s="315"/>
      <c r="Y7" s="307"/>
      <c r="Z7" s="308" t="s">
        <v>104</v>
      </c>
      <c r="AA7" s="339"/>
      <c r="AB7" s="315"/>
      <c r="AC7" s="307"/>
      <c r="AD7" s="308" t="s">
        <v>104</v>
      </c>
      <c r="AE7" s="339"/>
      <c r="AF7" s="315"/>
      <c r="AG7" s="307"/>
      <c r="AH7" s="308" t="s">
        <v>104</v>
      </c>
      <c r="AI7" s="339"/>
      <c r="AJ7" s="315"/>
      <c r="AK7" s="307"/>
      <c r="AL7" s="316" t="s">
        <v>104</v>
      </c>
      <c r="AM7" s="339"/>
      <c r="AN7" s="315"/>
      <c r="AO7" s="307"/>
    </row>
    <row r="8" spans="1:41" ht="15" thickBot="1">
      <c r="A8" s="95" t="s">
        <v>346</v>
      </c>
      <c r="B8" s="177"/>
      <c r="C8" s="177"/>
      <c r="D8" s="267"/>
      <c r="E8" s="45" t="s">
        <v>347</v>
      </c>
      <c r="F8" s="46" t="s">
        <v>339</v>
      </c>
      <c r="G8" s="47" t="s">
        <v>207</v>
      </c>
      <c r="H8" s="265" t="s">
        <v>334</v>
      </c>
      <c r="I8" s="266" t="s">
        <v>334</v>
      </c>
      <c r="J8" s="48" t="s">
        <v>66</v>
      </c>
      <c r="K8" s="49" t="s">
        <v>100</v>
      </c>
      <c r="L8" s="49" t="s">
        <v>101</v>
      </c>
      <c r="M8" s="47" t="s">
        <v>102</v>
      </c>
      <c r="N8" s="48" t="s">
        <v>66</v>
      </c>
      <c r="O8" s="49" t="s">
        <v>100</v>
      </c>
      <c r="P8" s="49" t="s">
        <v>101</v>
      </c>
      <c r="Q8" s="47" t="s">
        <v>102</v>
      </c>
      <c r="R8" s="48" t="s">
        <v>66</v>
      </c>
      <c r="S8" s="49" t="s">
        <v>100</v>
      </c>
      <c r="T8" s="49" t="s">
        <v>101</v>
      </c>
      <c r="U8" s="47" t="s">
        <v>102</v>
      </c>
      <c r="V8" s="48" t="s">
        <v>66</v>
      </c>
      <c r="W8" s="49" t="s">
        <v>100</v>
      </c>
      <c r="X8" s="49" t="s">
        <v>101</v>
      </c>
      <c r="Y8" s="47" t="s">
        <v>102</v>
      </c>
      <c r="Z8" s="48" t="s">
        <v>66</v>
      </c>
      <c r="AA8" s="49" t="s">
        <v>100</v>
      </c>
      <c r="AB8" s="49" t="s">
        <v>101</v>
      </c>
      <c r="AC8" s="47" t="s">
        <v>102</v>
      </c>
      <c r="AD8" s="48" t="s">
        <v>66</v>
      </c>
      <c r="AE8" s="49" t="s">
        <v>100</v>
      </c>
      <c r="AF8" s="49" t="s">
        <v>101</v>
      </c>
      <c r="AG8" s="47" t="s">
        <v>102</v>
      </c>
      <c r="AH8" s="48" t="s">
        <v>66</v>
      </c>
      <c r="AI8" s="49" t="s">
        <v>100</v>
      </c>
      <c r="AJ8" s="49" t="s">
        <v>101</v>
      </c>
      <c r="AK8" s="47" t="s">
        <v>102</v>
      </c>
      <c r="AL8" s="48" t="s">
        <v>66</v>
      </c>
      <c r="AM8" s="49" t="s">
        <v>100</v>
      </c>
      <c r="AN8" s="49" t="s">
        <v>101</v>
      </c>
      <c r="AO8" s="47" t="s">
        <v>102</v>
      </c>
    </row>
    <row r="9" spans="1:41">
      <c r="A9" s="109" t="s">
        <v>81</v>
      </c>
      <c r="B9" s="110" t="s">
        <v>65</v>
      </c>
      <c r="C9" s="91"/>
      <c r="D9" s="111"/>
      <c r="E9" s="110" t="s">
        <v>209</v>
      </c>
      <c r="F9" s="99">
        <v>38.299999999999997</v>
      </c>
      <c r="G9" s="112">
        <v>1.9E-2</v>
      </c>
      <c r="H9" s="229"/>
      <c r="I9" s="115"/>
      <c r="J9" s="113"/>
      <c r="K9" s="114"/>
      <c r="L9" s="114"/>
      <c r="M9" s="115"/>
      <c r="N9" s="113"/>
      <c r="O9" s="114"/>
      <c r="P9" s="114"/>
      <c r="Q9" s="115"/>
      <c r="R9" s="113"/>
      <c r="S9" s="114"/>
      <c r="T9" s="114"/>
      <c r="U9" s="115"/>
      <c r="V9" s="113"/>
      <c r="W9" s="114"/>
      <c r="X9" s="114"/>
      <c r="Y9" s="115"/>
      <c r="Z9" s="113"/>
      <c r="AA9" s="114"/>
      <c r="AB9" s="114"/>
      <c r="AC9" s="115"/>
      <c r="AD9" s="113"/>
      <c r="AE9" s="114"/>
      <c r="AF9" s="114"/>
      <c r="AG9" s="115"/>
      <c r="AH9" s="113"/>
      <c r="AI9" s="114"/>
      <c r="AJ9" s="114"/>
      <c r="AK9" s="115"/>
      <c r="AL9" s="113"/>
      <c r="AM9" s="114"/>
      <c r="AN9" s="114"/>
      <c r="AO9" s="115"/>
    </row>
    <row r="10" spans="1:41">
      <c r="A10" s="116"/>
      <c r="B10" s="117" t="s">
        <v>64</v>
      </c>
      <c r="C10" s="42"/>
      <c r="D10" s="118"/>
      <c r="E10" s="117" t="s">
        <v>209</v>
      </c>
      <c r="F10" s="100">
        <v>34.799999999999997</v>
      </c>
      <c r="G10" s="119">
        <v>1.83E-2</v>
      </c>
      <c r="H10" s="129"/>
      <c r="I10" s="122"/>
      <c r="J10" s="120"/>
      <c r="K10" s="121"/>
      <c r="L10" s="121"/>
      <c r="M10" s="122"/>
      <c r="N10" s="120"/>
      <c r="O10" s="121"/>
      <c r="P10" s="121"/>
      <c r="Q10" s="122"/>
      <c r="R10" s="120"/>
      <c r="S10" s="121"/>
      <c r="T10" s="121"/>
      <c r="U10" s="122"/>
      <c r="V10" s="120"/>
      <c r="W10" s="121"/>
      <c r="X10" s="121"/>
      <c r="Y10" s="122"/>
      <c r="Z10" s="120"/>
      <c r="AA10" s="121"/>
      <c r="AB10" s="121"/>
      <c r="AC10" s="122"/>
      <c r="AD10" s="120"/>
      <c r="AE10" s="121"/>
      <c r="AF10" s="121"/>
      <c r="AG10" s="122"/>
      <c r="AH10" s="120"/>
      <c r="AI10" s="121"/>
      <c r="AJ10" s="121"/>
      <c r="AK10" s="122"/>
      <c r="AL10" s="120"/>
      <c r="AM10" s="121"/>
      <c r="AN10" s="121"/>
      <c r="AO10" s="122"/>
    </row>
    <row r="11" spans="1:41">
      <c r="A11" s="116"/>
      <c r="B11" s="117" t="s">
        <v>63</v>
      </c>
      <c r="C11" s="42"/>
      <c r="D11" s="118"/>
      <c r="E11" s="117" t="s">
        <v>209</v>
      </c>
      <c r="F11" s="100">
        <v>33.4</v>
      </c>
      <c r="G11" s="119">
        <v>1.8700000000000001E-2</v>
      </c>
      <c r="H11" s="129"/>
      <c r="I11" s="122"/>
      <c r="J11" s="120"/>
      <c r="K11" s="121"/>
      <c r="L11" s="121"/>
      <c r="M11" s="122"/>
      <c r="N11" s="120"/>
      <c r="O11" s="121"/>
      <c r="P11" s="121"/>
      <c r="Q11" s="122"/>
      <c r="R11" s="120"/>
      <c r="S11" s="121"/>
      <c r="T11" s="121"/>
      <c r="U11" s="122"/>
      <c r="V11" s="120"/>
      <c r="W11" s="121"/>
      <c r="X11" s="121"/>
      <c r="Y11" s="122"/>
      <c r="Z11" s="120"/>
      <c r="AA11" s="121"/>
      <c r="AB11" s="121"/>
      <c r="AC11" s="122"/>
      <c r="AD11" s="120"/>
      <c r="AE11" s="121"/>
      <c r="AF11" s="121"/>
      <c r="AG11" s="122"/>
      <c r="AH11" s="120"/>
      <c r="AI11" s="121"/>
      <c r="AJ11" s="121"/>
      <c r="AK11" s="122"/>
      <c r="AL11" s="120"/>
      <c r="AM11" s="121"/>
      <c r="AN11" s="121"/>
      <c r="AO11" s="122"/>
    </row>
    <row r="12" spans="1:41">
      <c r="A12" s="116"/>
      <c r="B12" s="117" t="s">
        <v>62</v>
      </c>
      <c r="C12" s="42"/>
      <c r="D12" s="118"/>
      <c r="E12" s="117" t="s">
        <v>209</v>
      </c>
      <c r="F12" s="100">
        <v>33.299999999999997</v>
      </c>
      <c r="G12" s="119">
        <v>1.8599999999999998E-2</v>
      </c>
      <c r="H12" s="129"/>
      <c r="I12" s="122"/>
      <c r="J12" s="120"/>
      <c r="K12" s="121"/>
      <c r="L12" s="121"/>
      <c r="M12" s="122"/>
      <c r="N12" s="120"/>
      <c r="O12" s="121"/>
      <c r="P12" s="121"/>
      <c r="Q12" s="122"/>
      <c r="R12" s="120"/>
      <c r="S12" s="121"/>
      <c r="T12" s="121"/>
      <c r="U12" s="122"/>
      <c r="V12" s="120"/>
      <c r="W12" s="121"/>
      <c r="X12" s="121"/>
      <c r="Y12" s="122"/>
      <c r="Z12" s="120"/>
      <c r="AA12" s="121"/>
      <c r="AB12" s="121"/>
      <c r="AC12" s="122"/>
      <c r="AD12" s="120"/>
      <c r="AE12" s="121"/>
      <c r="AF12" s="121"/>
      <c r="AG12" s="122"/>
      <c r="AH12" s="120"/>
      <c r="AI12" s="121"/>
      <c r="AJ12" s="121"/>
      <c r="AK12" s="122"/>
      <c r="AL12" s="120"/>
      <c r="AM12" s="121"/>
      <c r="AN12" s="121"/>
      <c r="AO12" s="122"/>
    </row>
    <row r="13" spans="1:41">
      <c r="A13" s="116"/>
      <c r="B13" s="117" t="s">
        <v>61</v>
      </c>
      <c r="C13" s="42"/>
      <c r="D13" s="118"/>
      <c r="E13" s="117" t="s">
        <v>209</v>
      </c>
      <c r="F13" s="123">
        <v>36.299999999999997</v>
      </c>
      <c r="G13" s="124">
        <v>1.8599999999999998E-2</v>
      </c>
      <c r="H13" s="129"/>
      <c r="I13" s="122"/>
      <c r="J13" s="120"/>
      <c r="K13" s="121"/>
      <c r="L13" s="121"/>
      <c r="M13" s="122"/>
      <c r="N13" s="120"/>
      <c r="O13" s="121"/>
      <c r="P13" s="121"/>
      <c r="Q13" s="122"/>
      <c r="R13" s="120"/>
      <c r="S13" s="121"/>
      <c r="T13" s="121"/>
      <c r="U13" s="122"/>
      <c r="V13" s="120"/>
      <c r="W13" s="121"/>
      <c r="X13" s="121"/>
      <c r="Y13" s="122"/>
      <c r="Z13" s="120"/>
      <c r="AA13" s="121"/>
      <c r="AB13" s="121"/>
      <c r="AC13" s="122"/>
      <c r="AD13" s="120"/>
      <c r="AE13" s="121"/>
      <c r="AF13" s="121"/>
      <c r="AG13" s="122"/>
      <c r="AH13" s="120"/>
      <c r="AI13" s="121"/>
      <c r="AJ13" s="121"/>
      <c r="AK13" s="122"/>
      <c r="AL13" s="120"/>
      <c r="AM13" s="121"/>
      <c r="AN13" s="121"/>
      <c r="AO13" s="122"/>
    </row>
    <row r="14" spans="1:41">
      <c r="A14" s="116"/>
      <c r="B14" s="117" t="s">
        <v>60</v>
      </c>
      <c r="C14" s="42"/>
      <c r="D14" s="118"/>
      <c r="E14" s="117" t="s">
        <v>209</v>
      </c>
      <c r="F14" s="123">
        <v>36.5</v>
      </c>
      <c r="G14" s="124">
        <v>1.8700000000000001E-2</v>
      </c>
      <c r="H14" s="129"/>
      <c r="I14" s="122"/>
      <c r="J14" s="120"/>
      <c r="K14" s="121"/>
      <c r="L14" s="121"/>
      <c r="M14" s="122"/>
      <c r="N14" s="120"/>
      <c r="O14" s="121"/>
      <c r="P14" s="121"/>
      <c r="Q14" s="122"/>
      <c r="R14" s="120"/>
      <c r="S14" s="121"/>
      <c r="T14" s="121"/>
      <c r="U14" s="122"/>
      <c r="V14" s="120"/>
      <c r="W14" s="121"/>
      <c r="X14" s="121"/>
      <c r="Y14" s="122"/>
      <c r="Z14" s="120"/>
      <c r="AA14" s="121"/>
      <c r="AB14" s="121"/>
      <c r="AC14" s="122"/>
      <c r="AD14" s="120"/>
      <c r="AE14" s="121"/>
      <c r="AF14" s="121"/>
      <c r="AG14" s="122"/>
      <c r="AH14" s="120"/>
      <c r="AI14" s="121"/>
      <c r="AJ14" s="121"/>
      <c r="AK14" s="122"/>
      <c r="AL14" s="120"/>
      <c r="AM14" s="121"/>
      <c r="AN14" s="121"/>
      <c r="AO14" s="122"/>
    </row>
    <row r="15" spans="1:41">
      <c r="A15" s="116"/>
      <c r="B15" s="117" t="s">
        <v>59</v>
      </c>
      <c r="C15" s="42"/>
      <c r="D15" s="118"/>
      <c r="E15" s="117" t="s">
        <v>209</v>
      </c>
      <c r="F15" s="125">
        <v>38</v>
      </c>
      <c r="G15" s="124">
        <v>1.8800000000000001E-2</v>
      </c>
      <c r="H15" s="129"/>
      <c r="I15" s="122"/>
      <c r="J15" s="120"/>
      <c r="K15" s="121"/>
      <c r="L15" s="121"/>
      <c r="M15" s="122"/>
      <c r="N15" s="120"/>
      <c r="O15" s="121"/>
      <c r="P15" s="121"/>
      <c r="Q15" s="122"/>
      <c r="R15" s="120"/>
      <c r="S15" s="121"/>
      <c r="T15" s="121"/>
      <c r="U15" s="122"/>
      <c r="V15" s="120"/>
      <c r="W15" s="121"/>
      <c r="X15" s="121"/>
      <c r="Y15" s="122"/>
      <c r="Z15" s="120"/>
      <c r="AA15" s="121"/>
      <c r="AB15" s="121"/>
      <c r="AC15" s="122"/>
      <c r="AD15" s="120"/>
      <c r="AE15" s="121"/>
      <c r="AF15" s="121"/>
      <c r="AG15" s="122"/>
      <c r="AH15" s="120"/>
      <c r="AI15" s="121"/>
      <c r="AJ15" s="121"/>
      <c r="AK15" s="122"/>
      <c r="AL15" s="120"/>
      <c r="AM15" s="121"/>
      <c r="AN15" s="121"/>
      <c r="AO15" s="122"/>
    </row>
    <row r="16" spans="1:41">
      <c r="A16" s="116"/>
      <c r="B16" s="117" t="s">
        <v>58</v>
      </c>
      <c r="C16" s="42"/>
      <c r="D16" s="118"/>
      <c r="E16" s="117" t="s">
        <v>209</v>
      </c>
      <c r="F16" s="123">
        <v>38.9</v>
      </c>
      <c r="G16" s="124">
        <v>1.9300000000000001E-2</v>
      </c>
      <c r="H16" s="129"/>
      <c r="I16" s="122"/>
      <c r="J16" s="120"/>
      <c r="K16" s="121"/>
      <c r="L16" s="121"/>
      <c r="M16" s="122"/>
      <c r="N16" s="120"/>
      <c r="O16" s="121"/>
      <c r="P16" s="121"/>
      <c r="Q16" s="122"/>
      <c r="R16" s="120"/>
      <c r="S16" s="121"/>
      <c r="T16" s="121"/>
      <c r="U16" s="122"/>
      <c r="V16" s="120"/>
      <c r="W16" s="121"/>
      <c r="X16" s="121"/>
      <c r="Y16" s="122"/>
      <c r="Z16" s="120"/>
      <c r="AA16" s="121"/>
      <c r="AB16" s="121"/>
      <c r="AC16" s="122"/>
      <c r="AD16" s="120"/>
      <c r="AE16" s="121"/>
      <c r="AF16" s="121"/>
      <c r="AG16" s="122"/>
      <c r="AH16" s="120"/>
      <c r="AI16" s="121"/>
      <c r="AJ16" s="121"/>
      <c r="AK16" s="122"/>
      <c r="AL16" s="120"/>
      <c r="AM16" s="121"/>
      <c r="AN16" s="121"/>
      <c r="AO16" s="122"/>
    </row>
    <row r="17" spans="1:41">
      <c r="A17" s="116"/>
      <c r="B17" s="117" t="s">
        <v>57</v>
      </c>
      <c r="C17" s="42"/>
      <c r="D17" s="118"/>
      <c r="E17" s="117" t="s">
        <v>209</v>
      </c>
      <c r="F17" s="123">
        <v>41.8</v>
      </c>
      <c r="G17" s="124">
        <v>2.0199999999999999E-2</v>
      </c>
      <c r="H17" s="129"/>
      <c r="I17" s="122"/>
      <c r="J17" s="120"/>
      <c r="K17" s="121"/>
      <c r="L17" s="121"/>
      <c r="M17" s="122"/>
      <c r="N17" s="120"/>
      <c r="O17" s="121"/>
      <c r="P17" s="121"/>
      <c r="Q17" s="122"/>
      <c r="R17" s="120"/>
      <c r="S17" s="121"/>
      <c r="T17" s="121"/>
      <c r="U17" s="122"/>
      <c r="V17" s="120"/>
      <c r="W17" s="121"/>
      <c r="X17" s="121"/>
      <c r="Y17" s="122"/>
      <c r="Z17" s="120"/>
      <c r="AA17" s="121"/>
      <c r="AB17" s="121"/>
      <c r="AC17" s="122"/>
      <c r="AD17" s="120"/>
      <c r="AE17" s="121"/>
      <c r="AF17" s="121"/>
      <c r="AG17" s="122"/>
      <c r="AH17" s="120"/>
      <c r="AI17" s="121"/>
      <c r="AJ17" s="121"/>
      <c r="AK17" s="122"/>
      <c r="AL17" s="120"/>
      <c r="AM17" s="121"/>
      <c r="AN17" s="121"/>
      <c r="AO17" s="122"/>
    </row>
    <row r="18" spans="1:41">
      <c r="A18" s="116"/>
      <c r="B18" s="117" t="s">
        <v>56</v>
      </c>
      <c r="C18" s="42"/>
      <c r="D18" s="118"/>
      <c r="E18" s="117" t="s">
        <v>22</v>
      </c>
      <c r="F18" s="125">
        <v>40</v>
      </c>
      <c r="G18" s="124">
        <v>2.0400000000000001E-2</v>
      </c>
      <c r="H18" s="129"/>
      <c r="I18" s="122"/>
      <c r="J18" s="120"/>
      <c r="K18" s="121"/>
      <c r="L18" s="121"/>
      <c r="M18" s="122"/>
      <c r="N18" s="120"/>
      <c r="O18" s="121"/>
      <c r="P18" s="121"/>
      <c r="Q18" s="122"/>
      <c r="R18" s="120"/>
      <c r="S18" s="121"/>
      <c r="T18" s="121"/>
      <c r="U18" s="122"/>
      <c r="V18" s="120"/>
      <c r="W18" s="121"/>
      <c r="X18" s="121"/>
      <c r="Y18" s="122"/>
      <c r="Z18" s="120"/>
      <c r="AA18" s="121"/>
      <c r="AB18" s="121"/>
      <c r="AC18" s="122"/>
      <c r="AD18" s="120"/>
      <c r="AE18" s="121"/>
      <c r="AF18" s="121"/>
      <c r="AG18" s="122"/>
      <c r="AH18" s="120"/>
      <c r="AI18" s="121"/>
      <c r="AJ18" s="121"/>
      <c r="AK18" s="122"/>
      <c r="AL18" s="120"/>
      <c r="AM18" s="121"/>
      <c r="AN18" s="121"/>
      <c r="AO18" s="122"/>
    </row>
    <row r="19" spans="1:41">
      <c r="A19" s="116"/>
      <c r="B19" s="117" t="s">
        <v>55</v>
      </c>
      <c r="C19" s="42"/>
      <c r="D19" s="118"/>
      <c r="E19" s="117" t="s">
        <v>22</v>
      </c>
      <c r="F19" s="123">
        <v>34.1</v>
      </c>
      <c r="G19" s="124">
        <v>2.5399999999999999E-2</v>
      </c>
      <c r="H19" s="129"/>
      <c r="I19" s="122"/>
      <c r="J19" s="120"/>
      <c r="K19" s="121"/>
      <c r="L19" s="121"/>
      <c r="M19" s="122"/>
      <c r="N19" s="120"/>
      <c r="O19" s="121"/>
      <c r="P19" s="121"/>
      <c r="Q19" s="122"/>
      <c r="R19" s="120"/>
      <c r="S19" s="121"/>
      <c r="T19" s="121"/>
      <c r="U19" s="122"/>
      <c r="V19" s="120"/>
      <c r="W19" s="121"/>
      <c r="X19" s="121"/>
      <c r="Y19" s="122"/>
      <c r="Z19" s="120"/>
      <c r="AA19" s="121"/>
      <c r="AB19" s="121"/>
      <c r="AC19" s="122"/>
      <c r="AD19" s="120"/>
      <c r="AE19" s="121"/>
      <c r="AF19" s="121"/>
      <c r="AG19" s="122"/>
      <c r="AH19" s="120"/>
      <c r="AI19" s="121"/>
      <c r="AJ19" s="121"/>
      <c r="AK19" s="122"/>
      <c r="AL19" s="120"/>
      <c r="AM19" s="121"/>
      <c r="AN19" s="121"/>
      <c r="AO19" s="122"/>
    </row>
    <row r="20" spans="1:41">
      <c r="A20" s="116"/>
      <c r="B20" s="126" t="s">
        <v>54</v>
      </c>
      <c r="C20" s="117" t="s">
        <v>79</v>
      </c>
      <c r="D20" s="118"/>
      <c r="E20" s="117" t="s">
        <v>22</v>
      </c>
      <c r="F20" s="123">
        <v>50.1</v>
      </c>
      <c r="G20" s="124">
        <v>1.6299999999999999E-2</v>
      </c>
      <c r="H20" s="129"/>
      <c r="I20" s="122"/>
      <c r="J20" s="120"/>
      <c r="K20" s="121"/>
      <c r="L20" s="121"/>
      <c r="M20" s="122"/>
      <c r="N20" s="120"/>
      <c r="O20" s="121"/>
      <c r="P20" s="121"/>
      <c r="Q20" s="122"/>
      <c r="R20" s="120"/>
      <c r="S20" s="121"/>
      <c r="T20" s="121"/>
      <c r="U20" s="122"/>
      <c r="V20" s="120"/>
      <c r="W20" s="121"/>
      <c r="X20" s="121"/>
      <c r="Y20" s="122"/>
      <c r="Z20" s="120"/>
      <c r="AA20" s="121"/>
      <c r="AB20" s="121"/>
      <c r="AC20" s="122"/>
      <c r="AD20" s="120"/>
      <c r="AE20" s="121"/>
      <c r="AF20" s="121"/>
      <c r="AG20" s="122"/>
      <c r="AH20" s="120"/>
      <c r="AI20" s="121"/>
      <c r="AJ20" s="121"/>
      <c r="AK20" s="122"/>
      <c r="AL20" s="120"/>
      <c r="AM20" s="121"/>
      <c r="AN20" s="121"/>
      <c r="AO20" s="122"/>
    </row>
    <row r="21" spans="1:41">
      <c r="A21" s="116"/>
      <c r="B21" s="127"/>
      <c r="C21" s="117" t="s">
        <v>78</v>
      </c>
      <c r="D21" s="118"/>
      <c r="E21" s="117" t="s">
        <v>206</v>
      </c>
      <c r="F21" s="123">
        <v>46.1</v>
      </c>
      <c r="G21" s="124">
        <v>1.44E-2</v>
      </c>
      <c r="H21" s="129"/>
      <c r="I21" s="122"/>
      <c r="J21" s="120"/>
      <c r="K21" s="121"/>
      <c r="L21" s="121"/>
      <c r="M21" s="122"/>
      <c r="N21" s="120"/>
      <c r="O21" s="121"/>
      <c r="P21" s="121"/>
      <c r="Q21" s="122"/>
      <c r="R21" s="120"/>
      <c r="S21" s="121"/>
      <c r="T21" s="121"/>
      <c r="U21" s="122"/>
      <c r="V21" s="120"/>
      <c r="W21" s="121"/>
      <c r="X21" s="121"/>
      <c r="Y21" s="122"/>
      <c r="Z21" s="120"/>
      <c r="AA21" s="121"/>
      <c r="AB21" s="121"/>
      <c r="AC21" s="122"/>
      <c r="AD21" s="120"/>
      <c r="AE21" s="121"/>
      <c r="AF21" s="121"/>
      <c r="AG21" s="122"/>
      <c r="AH21" s="120"/>
      <c r="AI21" s="121"/>
      <c r="AJ21" s="121"/>
      <c r="AK21" s="122"/>
      <c r="AL21" s="120"/>
      <c r="AM21" s="121"/>
      <c r="AN21" s="121"/>
      <c r="AO21" s="122"/>
    </row>
    <row r="22" spans="1:41">
      <c r="A22" s="116"/>
      <c r="B22" s="126" t="s">
        <v>262</v>
      </c>
      <c r="C22" s="117" t="s">
        <v>263</v>
      </c>
      <c r="D22" s="118"/>
      <c r="E22" s="117" t="s">
        <v>22</v>
      </c>
      <c r="F22" s="123">
        <v>54.7</v>
      </c>
      <c r="G22" s="124">
        <v>1.3899999999999999E-2</v>
      </c>
      <c r="H22" s="129"/>
      <c r="I22" s="122"/>
      <c r="J22" s="120"/>
      <c r="K22" s="121"/>
      <c r="L22" s="121"/>
      <c r="M22" s="122"/>
      <c r="N22" s="120"/>
      <c r="O22" s="121"/>
      <c r="P22" s="121"/>
      <c r="Q22" s="122"/>
      <c r="R22" s="120"/>
      <c r="S22" s="121"/>
      <c r="T22" s="121"/>
      <c r="U22" s="122"/>
      <c r="V22" s="120"/>
      <c r="W22" s="121"/>
      <c r="X22" s="121"/>
      <c r="Y22" s="122"/>
      <c r="Z22" s="120"/>
      <c r="AA22" s="121"/>
      <c r="AB22" s="121"/>
      <c r="AC22" s="122"/>
      <c r="AD22" s="120"/>
      <c r="AE22" s="121"/>
      <c r="AF22" s="121"/>
      <c r="AG22" s="122"/>
      <c r="AH22" s="120"/>
      <c r="AI22" s="121"/>
      <c r="AJ22" s="121"/>
      <c r="AK22" s="122"/>
      <c r="AL22" s="120"/>
      <c r="AM22" s="121"/>
      <c r="AN22" s="121"/>
      <c r="AO22" s="122"/>
    </row>
    <row r="23" spans="1:41">
      <c r="A23" s="116"/>
      <c r="B23" s="127"/>
      <c r="C23" s="117" t="s">
        <v>53</v>
      </c>
      <c r="D23" s="118"/>
      <c r="E23" s="117" t="s">
        <v>206</v>
      </c>
      <c r="F23" s="123">
        <v>38.4</v>
      </c>
      <c r="G23" s="124">
        <v>1.3899999999999999E-2</v>
      </c>
      <c r="H23" s="129"/>
      <c r="I23" s="122"/>
      <c r="J23" s="120"/>
      <c r="K23" s="121"/>
      <c r="L23" s="121"/>
      <c r="M23" s="122"/>
      <c r="N23" s="120"/>
      <c r="O23" s="121"/>
      <c r="P23" s="121"/>
      <c r="Q23" s="122"/>
      <c r="R23" s="120"/>
      <c r="S23" s="121"/>
      <c r="T23" s="121"/>
      <c r="U23" s="122"/>
      <c r="V23" s="120"/>
      <c r="W23" s="121"/>
      <c r="X23" s="121"/>
      <c r="Y23" s="122"/>
      <c r="Z23" s="120"/>
      <c r="AA23" s="121"/>
      <c r="AB23" s="121"/>
      <c r="AC23" s="122"/>
      <c r="AD23" s="120"/>
      <c r="AE23" s="121"/>
      <c r="AF23" s="121"/>
      <c r="AG23" s="122"/>
      <c r="AH23" s="120"/>
      <c r="AI23" s="121"/>
      <c r="AJ23" s="121"/>
      <c r="AK23" s="122"/>
      <c r="AL23" s="120"/>
      <c r="AM23" s="121"/>
      <c r="AN23" s="121"/>
      <c r="AO23" s="122"/>
    </row>
    <row r="24" spans="1:41">
      <c r="A24" s="116"/>
      <c r="B24" s="126" t="s">
        <v>264</v>
      </c>
      <c r="C24" s="117" t="s">
        <v>52</v>
      </c>
      <c r="D24" s="118"/>
      <c r="E24" s="117" t="s">
        <v>22</v>
      </c>
      <c r="F24" s="123">
        <v>28.7</v>
      </c>
      <c r="G24" s="124">
        <v>2.46E-2</v>
      </c>
      <c r="H24" s="129"/>
      <c r="I24" s="122"/>
      <c r="J24" s="120"/>
      <c r="K24" s="121"/>
      <c r="L24" s="121"/>
      <c r="M24" s="122"/>
      <c r="N24" s="120"/>
      <c r="O24" s="121"/>
      <c r="P24" s="121"/>
      <c r="Q24" s="122"/>
      <c r="R24" s="120"/>
      <c r="S24" s="121"/>
      <c r="T24" s="121"/>
      <c r="U24" s="122"/>
      <c r="V24" s="120"/>
      <c r="W24" s="121"/>
      <c r="X24" s="121"/>
      <c r="Y24" s="122"/>
      <c r="Z24" s="120"/>
      <c r="AA24" s="121"/>
      <c r="AB24" s="121"/>
      <c r="AC24" s="122"/>
      <c r="AD24" s="120"/>
      <c r="AE24" s="121"/>
      <c r="AF24" s="121"/>
      <c r="AG24" s="122"/>
      <c r="AH24" s="120"/>
      <c r="AI24" s="121"/>
      <c r="AJ24" s="121"/>
      <c r="AK24" s="122"/>
      <c r="AL24" s="120"/>
      <c r="AM24" s="121"/>
      <c r="AN24" s="121"/>
      <c r="AO24" s="122"/>
    </row>
    <row r="25" spans="1:41">
      <c r="A25" s="116"/>
      <c r="B25" s="128"/>
      <c r="C25" s="117" t="s">
        <v>51</v>
      </c>
      <c r="D25" s="118"/>
      <c r="E25" s="117" t="s">
        <v>22</v>
      </c>
      <c r="F25" s="123">
        <v>28.9</v>
      </c>
      <c r="G25" s="124">
        <v>2.4500000000000001E-2</v>
      </c>
      <c r="H25" s="129"/>
      <c r="I25" s="122"/>
      <c r="J25" s="120"/>
      <c r="K25" s="121"/>
      <c r="L25" s="121"/>
      <c r="M25" s="122"/>
      <c r="N25" s="120"/>
      <c r="O25" s="121"/>
      <c r="P25" s="121"/>
      <c r="Q25" s="122"/>
      <c r="R25" s="120"/>
      <c r="S25" s="121"/>
      <c r="T25" s="121"/>
      <c r="U25" s="122"/>
      <c r="V25" s="120"/>
      <c r="W25" s="121"/>
      <c r="X25" s="121"/>
      <c r="Y25" s="122"/>
      <c r="Z25" s="120"/>
      <c r="AA25" s="121"/>
      <c r="AB25" s="121"/>
      <c r="AC25" s="122"/>
      <c r="AD25" s="120"/>
      <c r="AE25" s="121"/>
      <c r="AF25" s="121"/>
      <c r="AG25" s="122"/>
      <c r="AH25" s="120"/>
      <c r="AI25" s="121"/>
      <c r="AJ25" s="121"/>
      <c r="AK25" s="122"/>
      <c r="AL25" s="120"/>
      <c r="AM25" s="121"/>
      <c r="AN25" s="121"/>
      <c r="AO25" s="122"/>
    </row>
    <row r="26" spans="1:41">
      <c r="A26" s="116"/>
      <c r="B26" s="128"/>
      <c r="C26" s="117" t="s">
        <v>50</v>
      </c>
      <c r="D26" s="118"/>
      <c r="E26" s="117" t="s">
        <v>22</v>
      </c>
      <c r="F26" s="123">
        <v>28.3</v>
      </c>
      <c r="G26" s="124">
        <v>2.5100000000000001E-2</v>
      </c>
      <c r="H26" s="129"/>
      <c r="I26" s="122"/>
      <c r="J26" s="120"/>
      <c r="K26" s="121"/>
      <c r="L26" s="121"/>
      <c r="M26" s="122"/>
      <c r="N26" s="120"/>
      <c r="O26" s="121"/>
      <c r="P26" s="121"/>
      <c r="Q26" s="122"/>
      <c r="R26" s="120"/>
      <c r="S26" s="121"/>
      <c r="T26" s="121"/>
      <c r="U26" s="122"/>
      <c r="V26" s="120"/>
      <c r="W26" s="121"/>
      <c r="X26" s="121"/>
      <c r="Y26" s="122"/>
      <c r="Z26" s="120"/>
      <c r="AA26" s="121"/>
      <c r="AB26" s="121"/>
      <c r="AC26" s="122"/>
      <c r="AD26" s="120"/>
      <c r="AE26" s="121"/>
      <c r="AF26" s="121"/>
      <c r="AG26" s="122"/>
      <c r="AH26" s="120"/>
      <c r="AI26" s="121"/>
      <c r="AJ26" s="121"/>
      <c r="AK26" s="122"/>
      <c r="AL26" s="120"/>
      <c r="AM26" s="121"/>
      <c r="AN26" s="121"/>
      <c r="AO26" s="122"/>
    </row>
    <row r="27" spans="1:41">
      <c r="A27" s="116"/>
      <c r="B27" s="128"/>
      <c r="C27" s="117" t="s">
        <v>49</v>
      </c>
      <c r="D27" s="118"/>
      <c r="E27" s="117" t="s">
        <v>22</v>
      </c>
      <c r="F27" s="123">
        <v>26.1</v>
      </c>
      <c r="G27" s="124">
        <v>2.4299999999999999E-2</v>
      </c>
      <c r="H27" s="129"/>
      <c r="I27" s="122"/>
      <c r="J27" s="120"/>
      <c r="K27" s="121"/>
      <c r="L27" s="121"/>
      <c r="M27" s="122"/>
      <c r="N27" s="120"/>
      <c r="O27" s="121"/>
      <c r="P27" s="121"/>
      <c r="Q27" s="122"/>
      <c r="R27" s="120"/>
      <c r="S27" s="121"/>
      <c r="T27" s="121"/>
      <c r="U27" s="122"/>
      <c r="V27" s="120"/>
      <c r="W27" s="121"/>
      <c r="X27" s="121"/>
      <c r="Y27" s="122"/>
      <c r="Z27" s="120"/>
      <c r="AA27" s="121"/>
      <c r="AB27" s="121"/>
      <c r="AC27" s="122"/>
      <c r="AD27" s="120"/>
      <c r="AE27" s="121"/>
      <c r="AF27" s="121"/>
      <c r="AG27" s="122"/>
      <c r="AH27" s="120"/>
      <c r="AI27" s="121"/>
      <c r="AJ27" s="121"/>
      <c r="AK27" s="122"/>
      <c r="AL27" s="120"/>
      <c r="AM27" s="121"/>
      <c r="AN27" s="121"/>
      <c r="AO27" s="122"/>
    </row>
    <row r="28" spans="1:41">
      <c r="A28" s="116"/>
      <c r="B28" s="128"/>
      <c r="C28" s="117" t="s">
        <v>48</v>
      </c>
      <c r="D28" s="118"/>
      <c r="E28" s="117" t="s">
        <v>22</v>
      </c>
      <c r="F28" s="123">
        <v>24.2</v>
      </c>
      <c r="G28" s="124">
        <v>2.4199999999999999E-2</v>
      </c>
      <c r="H28" s="129"/>
      <c r="I28" s="122"/>
      <c r="J28" s="120"/>
      <c r="K28" s="121"/>
      <c r="L28" s="121"/>
      <c r="M28" s="122"/>
      <c r="N28" s="120"/>
      <c r="O28" s="121"/>
      <c r="P28" s="121"/>
      <c r="Q28" s="122"/>
      <c r="R28" s="120"/>
      <c r="S28" s="121"/>
      <c r="T28" s="121"/>
      <c r="U28" s="122"/>
      <c r="V28" s="120"/>
      <c r="W28" s="121"/>
      <c r="X28" s="121"/>
      <c r="Y28" s="122"/>
      <c r="Z28" s="120"/>
      <c r="AA28" s="121"/>
      <c r="AB28" s="121"/>
      <c r="AC28" s="122"/>
      <c r="AD28" s="120"/>
      <c r="AE28" s="121"/>
      <c r="AF28" s="121"/>
      <c r="AG28" s="122"/>
      <c r="AH28" s="120"/>
      <c r="AI28" s="121"/>
      <c r="AJ28" s="121"/>
      <c r="AK28" s="122"/>
      <c r="AL28" s="120"/>
      <c r="AM28" s="121"/>
      <c r="AN28" s="121"/>
      <c r="AO28" s="122"/>
    </row>
    <row r="29" spans="1:41">
      <c r="A29" s="116"/>
      <c r="B29" s="127"/>
      <c r="C29" s="117" t="s">
        <v>47</v>
      </c>
      <c r="D29" s="118"/>
      <c r="E29" s="117" t="s">
        <v>22</v>
      </c>
      <c r="F29" s="123">
        <v>27.8</v>
      </c>
      <c r="G29" s="124">
        <v>2.5899999999999999E-2</v>
      </c>
      <c r="H29" s="129"/>
      <c r="I29" s="122"/>
      <c r="J29" s="120"/>
      <c r="K29" s="121"/>
      <c r="L29" s="121"/>
      <c r="M29" s="122"/>
      <c r="N29" s="120"/>
      <c r="O29" s="121"/>
      <c r="P29" s="121"/>
      <c r="Q29" s="122"/>
      <c r="R29" s="120"/>
      <c r="S29" s="121"/>
      <c r="T29" s="121"/>
      <c r="U29" s="122"/>
      <c r="V29" s="120"/>
      <c r="W29" s="121"/>
      <c r="X29" s="121"/>
      <c r="Y29" s="122"/>
      <c r="Z29" s="120"/>
      <c r="AA29" s="121"/>
      <c r="AB29" s="121"/>
      <c r="AC29" s="122"/>
      <c r="AD29" s="120"/>
      <c r="AE29" s="121"/>
      <c r="AF29" s="121"/>
      <c r="AG29" s="122"/>
      <c r="AH29" s="120"/>
      <c r="AI29" s="121"/>
      <c r="AJ29" s="121"/>
      <c r="AK29" s="122"/>
      <c r="AL29" s="120"/>
      <c r="AM29" s="121"/>
      <c r="AN29" s="121"/>
      <c r="AO29" s="122"/>
    </row>
    <row r="30" spans="1:41">
      <c r="A30" s="116"/>
      <c r="B30" s="117" t="s">
        <v>46</v>
      </c>
      <c r="C30" s="42"/>
      <c r="D30" s="118"/>
      <c r="E30" s="117" t="s">
        <v>22</v>
      </c>
      <c r="F30" s="125">
        <v>29</v>
      </c>
      <c r="G30" s="124">
        <v>2.9899999999999999E-2</v>
      </c>
      <c r="H30" s="129"/>
      <c r="I30" s="122"/>
      <c r="J30" s="120"/>
      <c r="K30" s="121"/>
      <c r="L30" s="121"/>
      <c r="M30" s="122"/>
      <c r="N30" s="120"/>
      <c r="O30" s="121"/>
      <c r="P30" s="121"/>
      <c r="Q30" s="122"/>
      <c r="R30" s="120"/>
      <c r="S30" s="121"/>
      <c r="T30" s="121"/>
      <c r="U30" s="122"/>
      <c r="V30" s="120"/>
      <c r="W30" s="121"/>
      <c r="X30" s="121"/>
      <c r="Y30" s="122"/>
      <c r="Z30" s="120"/>
      <c r="AA30" s="121"/>
      <c r="AB30" s="121"/>
      <c r="AC30" s="122"/>
      <c r="AD30" s="120"/>
      <c r="AE30" s="121"/>
      <c r="AF30" s="121"/>
      <c r="AG30" s="122"/>
      <c r="AH30" s="120"/>
      <c r="AI30" s="121"/>
      <c r="AJ30" s="121"/>
      <c r="AK30" s="122"/>
      <c r="AL30" s="120"/>
      <c r="AM30" s="121"/>
      <c r="AN30" s="121"/>
      <c r="AO30" s="122"/>
    </row>
    <row r="31" spans="1:41">
      <c r="A31" s="116"/>
      <c r="B31" s="117" t="s">
        <v>45</v>
      </c>
      <c r="C31" s="42"/>
      <c r="D31" s="118"/>
      <c r="E31" s="117" t="s">
        <v>22</v>
      </c>
      <c r="F31" s="123">
        <v>37.299999999999997</v>
      </c>
      <c r="G31" s="124">
        <v>2.0899999999999998E-2</v>
      </c>
      <c r="H31" s="129"/>
      <c r="I31" s="122"/>
      <c r="J31" s="120"/>
      <c r="K31" s="121"/>
      <c r="L31" s="121"/>
      <c r="M31" s="122"/>
      <c r="N31" s="120"/>
      <c r="O31" s="121"/>
      <c r="P31" s="121"/>
      <c r="Q31" s="122"/>
      <c r="R31" s="120"/>
      <c r="S31" s="121"/>
      <c r="T31" s="121"/>
      <c r="U31" s="122"/>
      <c r="V31" s="120"/>
      <c r="W31" s="121"/>
      <c r="X31" s="121"/>
      <c r="Y31" s="122"/>
      <c r="Z31" s="120"/>
      <c r="AA31" s="121"/>
      <c r="AB31" s="121"/>
      <c r="AC31" s="122"/>
      <c r="AD31" s="120"/>
      <c r="AE31" s="121"/>
      <c r="AF31" s="121"/>
      <c r="AG31" s="122"/>
      <c r="AH31" s="120"/>
      <c r="AI31" s="121"/>
      <c r="AJ31" s="121"/>
      <c r="AK31" s="122"/>
      <c r="AL31" s="120"/>
      <c r="AM31" s="121"/>
      <c r="AN31" s="121"/>
      <c r="AO31" s="122"/>
    </row>
    <row r="32" spans="1:41">
      <c r="A32" s="116"/>
      <c r="B32" s="117" t="s">
        <v>44</v>
      </c>
      <c r="C32" s="42"/>
      <c r="D32" s="118"/>
      <c r="E32" s="117" t="s">
        <v>206</v>
      </c>
      <c r="F32" s="123">
        <v>18.399999999999999</v>
      </c>
      <c r="G32" s="124">
        <v>1.09E-2</v>
      </c>
      <c r="H32" s="129"/>
      <c r="I32" s="122"/>
      <c r="J32" s="120"/>
      <c r="K32" s="121"/>
      <c r="L32" s="121"/>
      <c r="M32" s="122"/>
      <c r="N32" s="120"/>
      <c r="O32" s="121"/>
      <c r="P32" s="121"/>
      <c r="Q32" s="122"/>
      <c r="R32" s="120"/>
      <c r="S32" s="121"/>
      <c r="T32" s="121"/>
      <c r="U32" s="122"/>
      <c r="V32" s="120"/>
      <c r="W32" s="121"/>
      <c r="X32" s="121"/>
      <c r="Y32" s="122"/>
      <c r="Z32" s="120"/>
      <c r="AA32" s="121"/>
      <c r="AB32" s="121"/>
      <c r="AC32" s="122"/>
      <c r="AD32" s="120"/>
      <c r="AE32" s="121"/>
      <c r="AF32" s="121"/>
      <c r="AG32" s="122"/>
      <c r="AH32" s="120"/>
      <c r="AI32" s="121"/>
      <c r="AJ32" s="121"/>
      <c r="AK32" s="122"/>
      <c r="AL32" s="120"/>
      <c r="AM32" s="121"/>
      <c r="AN32" s="121"/>
      <c r="AO32" s="122"/>
    </row>
    <row r="33" spans="1:41">
      <c r="A33" s="116"/>
      <c r="B33" s="117" t="s">
        <v>43</v>
      </c>
      <c r="C33" s="42"/>
      <c r="D33" s="118"/>
      <c r="E33" s="117" t="s">
        <v>206</v>
      </c>
      <c r="F33" s="123">
        <v>3.23</v>
      </c>
      <c r="G33" s="124">
        <v>2.64E-2</v>
      </c>
      <c r="H33" s="129"/>
      <c r="I33" s="122"/>
      <c r="J33" s="120"/>
      <c r="K33" s="121"/>
      <c r="L33" s="121"/>
      <c r="M33" s="122"/>
      <c r="N33" s="120"/>
      <c r="O33" s="121"/>
      <c r="P33" s="121"/>
      <c r="Q33" s="122"/>
      <c r="R33" s="120"/>
      <c r="S33" s="121"/>
      <c r="T33" s="121"/>
      <c r="U33" s="122"/>
      <c r="V33" s="120"/>
      <c r="W33" s="121"/>
      <c r="X33" s="121"/>
      <c r="Y33" s="122"/>
      <c r="Z33" s="120"/>
      <c r="AA33" s="121"/>
      <c r="AB33" s="121"/>
      <c r="AC33" s="122"/>
      <c r="AD33" s="120"/>
      <c r="AE33" s="121"/>
      <c r="AF33" s="121"/>
      <c r="AG33" s="122"/>
      <c r="AH33" s="120"/>
      <c r="AI33" s="121"/>
      <c r="AJ33" s="121"/>
      <c r="AK33" s="122"/>
      <c r="AL33" s="120"/>
      <c r="AM33" s="121"/>
      <c r="AN33" s="121"/>
      <c r="AO33" s="122"/>
    </row>
    <row r="34" spans="1:41">
      <c r="A34" s="116"/>
      <c r="B34" s="117" t="s">
        <v>42</v>
      </c>
      <c r="C34" s="42"/>
      <c r="D34" s="118"/>
      <c r="E34" s="117" t="s">
        <v>206</v>
      </c>
      <c r="F34" s="123">
        <v>3.45</v>
      </c>
      <c r="G34" s="124">
        <v>2.64E-2</v>
      </c>
      <c r="H34" s="129"/>
      <c r="I34" s="122"/>
      <c r="J34" s="120"/>
      <c r="K34" s="121"/>
      <c r="L34" s="121"/>
      <c r="M34" s="122"/>
      <c r="N34" s="120"/>
      <c r="O34" s="121"/>
      <c r="P34" s="121"/>
      <c r="Q34" s="122"/>
      <c r="R34" s="120"/>
      <c r="S34" s="121"/>
      <c r="T34" s="121"/>
      <c r="U34" s="122"/>
      <c r="V34" s="120"/>
      <c r="W34" s="121"/>
      <c r="X34" s="121"/>
      <c r="Y34" s="122"/>
      <c r="Z34" s="120"/>
      <c r="AA34" s="121"/>
      <c r="AB34" s="121"/>
      <c r="AC34" s="122"/>
      <c r="AD34" s="120"/>
      <c r="AE34" s="121"/>
      <c r="AF34" s="121"/>
      <c r="AG34" s="122"/>
      <c r="AH34" s="120"/>
      <c r="AI34" s="121"/>
      <c r="AJ34" s="121"/>
      <c r="AK34" s="122"/>
      <c r="AL34" s="120"/>
      <c r="AM34" s="121"/>
      <c r="AN34" s="121"/>
      <c r="AO34" s="122"/>
    </row>
    <row r="35" spans="1:41">
      <c r="A35" s="116"/>
      <c r="B35" s="117" t="s">
        <v>41</v>
      </c>
      <c r="C35" s="42"/>
      <c r="D35" s="118"/>
      <c r="E35" s="117" t="s">
        <v>206</v>
      </c>
      <c r="F35" s="123">
        <v>7.53</v>
      </c>
      <c r="G35" s="124">
        <v>4.2000000000000003E-2</v>
      </c>
      <c r="H35" s="129"/>
      <c r="I35" s="122"/>
      <c r="J35" s="120"/>
      <c r="K35" s="121"/>
      <c r="L35" s="121"/>
      <c r="M35" s="122"/>
      <c r="N35" s="120"/>
      <c r="O35" s="121"/>
      <c r="P35" s="121"/>
      <c r="Q35" s="122"/>
      <c r="R35" s="120"/>
      <c r="S35" s="121"/>
      <c r="T35" s="121"/>
      <c r="U35" s="122"/>
      <c r="V35" s="120"/>
      <c r="W35" s="121"/>
      <c r="X35" s="121"/>
      <c r="Y35" s="122"/>
      <c r="Z35" s="120"/>
      <c r="AA35" s="121"/>
      <c r="AB35" s="121"/>
      <c r="AC35" s="122"/>
      <c r="AD35" s="120"/>
      <c r="AE35" s="121"/>
      <c r="AF35" s="121"/>
      <c r="AG35" s="122"/>
      <c r="AH35" s="120"/>
      <c r="AI35" s="121"/>
      <c r="AJ35" s="121"/>
      <c r="AK35" s="122"/>
      <c r="AL35" s="120"/>
      <c r="AM35" s="121"/>
      <c r="AN35" s="121"/>
      <c r="AO35" s="122"/>
    </row>
    <row r="36" spans="1:41">
      <c r="A36" s="116"/>
      <c r="B36" s="117" t="s">
        <v>40</v>
      </c>
      <c r="C36" s="42"/>
      <c r="D36" s="118"/>
      <c r="E36" s="117" t="s">
        <v>206</v>
      </c>
      <c r="F36" s="129"/>
      <c r="G36" s="130"/>
      <c r="H36" s="129"/>
      <c r="I36" s="122"/>
      <c r="J36" s="120"/>
      <c r="K36" s="121"/>
      <c r="L36" s="121"/>
      <c r="M36" s="122"/>
      <c r="N36" s="120"/>
      <c r="O36" s="121"/>
      <c r="P36" s="121"/>
      <c r="Q36" s="122"/>
      <c r="R36" s="120"/>
      <c r="S36" s="121"/>
      <c r="T36" s="121"/>
      <c r="U36" s="122"/>
      <c r="V36" s="120"/>
      <c r="W36" s="121"/>
      <c r="X36" s="121"/>
      <c r="Y36" s="122"/>
      <c r="Z36" s="120"/>
      <c r="AA36" s="121"/>
      <c r="AB36" s="121"/>
      <c r="AC36" s="122"/>
      <c r="AD36" s="120"/>
      <c r="AE36" s="121"/>
      <c r="AF36" s="121"/>
      <c r="AG36" s="122"/>
      <c r="AH36" s="120"/>
      <c r="AI36" s="121"/>
      <c r="AJ36" s="121"/>
      <c r="AK36" s="122"/>
      <c r="AL36" s="120"/>
      <c r="AM36" s="121"/>
      <c r="AN36" s="121"/>
      <c r="AO36" s="122"/>
    </row>
    <row r="37" spans="1:41">
      <c r="A37" s="131"/>
      <c r="B37" s="117" t="s">
        <v>80</v>
      </c>
      <c r="C37" s="66"/>
      <c r="D37" s="251"/>
      <c r="E37" s="97"/>
      <c r="F37" s="120"/>
      <c r="G37" s="132"/>
      <c r="H37" s="129"/>
      <c r="I37" s="122"/>
      <c r="J37" s="120"/>
      <c r="K37" s="121"/>
      <c r="L37" s="121"/>
      <c r="M37" s="122"/>
      <c r="N37" s="120"/>
      <c r="O37" s="121"/>
      <c r="P37" s="121"/>
      <c r="Q37" s="122"/>
      <c r="R37" s="120"/>
      <c r="S37" s="121"/>
      <c r="T37" s="121"/>
      <c r="U37" s="122"/>
      <c r="V37" s="120"/>
      <c r="W37" s="121"/>
      <c r="X37" s="121"/>
      <c r="Y37" s="122"/>
      <c r="Z37" s="120"/>
      <c r="AA37" s="121"/>
      <c r="AB37" s="121"/>
      <c r="AC37" s="122"/>
      <c r="AD37" s="120"/>
      <c r="AE37" s="121"/>
      <c r="AF37" s="121"/>
      <c r="AG37" s="122"/>
      <c r="AH37" s="120"/>
      <c r="AI37" s="121"/>
      <c r="AJ37" s="121"/>
      <c r="AK37" s="122"/>
      <c r="AL37" s="120"/>
      <c r="AM37" s="121"/>
      <c r="AN37" s="121"/>
      <c r="AO37" s="122"/>
    </row>
    <row r="38" spans="1:41">
      <c r="A38" s="133" t="s">
        <v>82</v>
      </c>
      <c r="B38" s="117" t="s">
        <v>39</v>
      </c>
      <c r="C38" s="42"/>
      <c r="D38" s="118"/>
      <c r="E38" s="117" t="s">
        <v>22</v>
      </c>
      <c r="F38" s="100">
        <v>13.6</v>
      </c>
      <c r="G38" s="130"/>
      <c r="H38" s="129"/>
      <c r="I38" s="122"/>
      <c r="J38" s="120"/>
      <c r="K38" s="121"/>
      <c r="L38" s="121"/>
      <c r="M38" s="122"/>
      <c r="N38" s="120"/>
      <c r="O38" s="121"/>
      <c r="P38" s="121"/>
      <c r="Q38" s="122"/>
      <c r="R38" s="120"/>
      <c r="S38" s="121"/>
      <c r="T38" s="121"/>
      <c r="U38" s="122"/>
      <c r="V38" s="120"/>
      <c r="W38" s="121"/>
      <c r="X38" s="121"/>
      <c r="Y38" s="122"/>
      <c r="Z38" s="120"/>
      <c r="AA38" s="121"/>
      <c r="AB38" s="121"/>
      <c r="AC38" s="122"/>
      <c r="AD38" s="120"/>
      <c r="AE38" s="121"/>
      <c r="AF38" s="121"/>
      <c r="AG38" s="122"/>
      <c r="AH38" s="120"/>
      <c r="AI38" s="121"/>
      <c r="AJ38" s="121"/>
      <c r="AK38" s="122"/>
      <c r="AL38" s="120"/>
      <c r="AM38" s="121"/>
      <c r="AN38" s="121"/>
      <c r="AO38" s="122"/>
    </row>
    <row r="39" spans="1:41">
      <c r="A39" s="116"/>
      <c r="B39" s="117" t="s">
        <v>38</v>
      </c>
      <c r="C39" s="42"/>
      <c r="D39" s="118"/>
      <c r="E39" s="117" t="s">
        <v>22</v>
      </c>
      <c r="F39" s="100">
        <v>13.2</v>
      </c>
      <c r="G39" s="130"/>
      <c r="H39" s="129"/>
      <c r="I39" s="122"/>
      <c r="J39" s="120"/>
      <c r="K39" s="121"/>
      <c r="L39" s="121"/>
      <c r="M39" s="122"/>
      <c r="N39" s="120"/>
      <c r="O39" s="121"/>
      <c r="P39" s="121"/>
      <c r="Q39" s="122"/>
      <c r="R39" s="120"/>
      <c r="S39" s="121"/>
      <c r="T39" s="121"/>
      <c r="U39" s="122"/>
      <c r="V39" s="120"/>
      <c r="W39" s="121"/>
      <c r="X39" s="121"/>
      <c r="Y39" s="122"/>
      <c r="Z39" s="120"/>
      <c r="AA39" s="121"/>
      <c r="AB39" s="121"/>
      <c r="AC39" s="122"/>
      <c r="AD39" s="120"/>
      <c r="AE39" s="121"/>
      <c r="AF39" s="121"/>
      <c r="AG39" s="122"/>
      <c r="AH39" s="120"/>
      <c r="AI39" s="121"/>
      <c r="AJ39" s="121"/>
      <c r="AK39" s="122"/>
      <c r="AL39" s="120"/>
      <c r="AM39" s="121"/>
      <c r="AN39" s="121"/>
      <c r="AO39" s="122"/>
    </row>
    <row r="40" spans="1:41">
      <c r="A40" s="116"/>
      <c r="B40" s="117" t="s">
        <v>37</v>
      </c>
      <c r="C40" s="42"/>
      <c r="D40" s="118"/>
      <c r="E40" s="117" t="s">
        <v>22</v>
      </c>
      <c r="F40" s="100">
        <v>17.100000000000001</v>
      </c>
      <c r="G40" s="130"/>
      <c r="H40" s="129"/>
      <c r="I40" s="122"/>
      <c r="J40" s="120"/>
      <c r="K40" s="121"/>
      <c r="L40" s="121"/>
      <c r="M40" s="122"/>
      <c r="N40" s="120"/>
      <c r="O40" s="121"/>
      <c r="P40" s="121"/>
      <c r="Q40" s="122"/>
      <c r="R40" s="120"/>
      <c r="S40" s="121"/>
      <c r="T40" s="121"/>
      <c r="U40" s="122"/>
      <c r="V40" s="120"/>
      <c r="W40" s="121"/>
      <c r="X40" s="121"/>
      <c r="Y40" s="122"/>
      <c r="Z40" s="120"/>
      <c r="AA40" s="121"/>
      <c r="AB40" s="121"/>
      <c r="AC40" s="122"/>
      <c r="AD40" s="120"/>
      <c r="AE40" s="121"/>
      <c r="AF40" s="121"/>
      <c r="AG40" s="122"/>
      <c r="AH40" s="120"/>
      <c r="AI40" s="121"/>
      <c r="AJ40" s="121"/>
      <c r="AK40" s="122"/>
      <c r="AL40" s="120"/>
      <c r="AM40" s="121"/>
      <c r="AN40" s="121"/>
      <c r="AO40" s="122"/>
    </row>
    <row r="41" spans="1:41">
      <c r="A41" s="116"/>
      <c r="B41" s="117" t="s">
        <v>36</v>
      </c>
      <c r="C41" s="42"/>
      <c r="D41" s="118"/>
      <c r="E41" s="117" t="s">
        <v>209</v>
      </c>
      <c r="F41" s="100">
        <v>23.4</v>
      </c>
      <c r="G41" s="130"/>
      <c r="H41" s="129"/>
      <c r="I41" s="122"/>
      <c r="J41" s="120"/>
      <c r="K41" s="121"/>
      <c r="L41" s="121"/>
      <c r="M41" s="122"/>
      <c r="N41" s="120"/>
      <c r="O41" s="121"/>
      <c r="P41" s="121"/>
      <c r="Q41" s="122"/>
      <c r="R41" s="120"/>
      <c r="S41" s="121"/>
      <c r="T41" s="121"/>
      <c r="U41" s="122"/>
      <c r="V41" s="120"/>
      <c r="W41" s="121"/>
      <c r="X41" s="121"/>
      <c r="Y41" s="122"/>
      <c r="Z41" s="120"/>
      <c r="AA41" s="121"/>
      <c r="AB41" s="121"/>
      <c r="AC41" s="122"/>
      <c r="AD41" s="120"/>
      <c r="AE41" s="121"/>
      <c r="AF41" s="121"/>
      <c r="AG41" s="122"/>
      <c r="AH41" s="120"/>
      <c r="AI41" s="121"/>
      <c r="AJ41" s="121"/>
      <c r="AK41" s="122"/>
      <c r="AL41" s="120"/>
      <c r="AM41" s="121"/>
      <c r="AN41" s="121"/>
      <c r="AO41" s="122"/>
    </row>
    <row r="42" spans="1:41">
      <c r="A42" s="116"/>
      <c r="B42" s="117" t="s">
        <v>35</v>
      </c>
      <c r="C42" s="42"/>
      <c r="D42" s="118"/>
      <c r="E42" s="117" t="s">
        <v>209</v>
      </c>
      <c r="F42" s="100">
        <v>35.6</v>
      </c>
      <c r="G42" s="130"/>
      <c r="H42" s="129"/>
      <c r="I42" s="122"/>
      <c r="J42" s="120"/>
      <c r="K42" s="121"/>
      <c r="L42" s="121"/>
      <c r="M42" s="122"/>
      <c r="N42" s="120"/>
      <c r="O42" s="121"/>
      <c r="P42" s="121"/>
      <c r="Q42" s="122"/>
      <c r="R42" s="120"/>
      <c r="S42" s="121"/>
      <c r="T42" s="121"/>
      <c r="U42" s="122"/>
      <c r="V42" s="120"/>
      <c r="W42" s="121"/>
      <c r="X42" s="121"/>
      <c r="Y42" s="122"/>
      <c r="Z42" s="120"/>
      <c r="AA42" s="121"/>
      <c r="AB42" s="121"/>
      <c r="AC42" s="122"/>
      <c r="AD42" s="120"/>
      <c r="AE42" s="121"/>
      <c r="AF42" s="121"/>
      <c r="AG42" s="122"/>
      <c r="AH42" s="120"/>
      <c r="AI42" s="121"/>
      <c r="AJ42" s="121"/>
      <c r="AK42" s="122"/>
      <c r="AL42" s="120"/>
      <c r="AM42" s="121"/>
      <c r="AN42" s="121"/>
      <c r="AO42" s="122"/>
    </row>
    <row r="43" spans="1:41">
      <c r="A43" s="116"/>
      <c r="B43" s="117" t="s">
        <v>34</v>
      </c>
      <c r="C43" s="42"/>
      <c r="D43" s="118"/>
      <c r="E43" s="117" t="s">
        <v>206</v>
      </c>
      <c r="F43" s="100">
        <v>21.2</v>
      </c>
      <c r="G43" s="130"/>
      <c r="H43" s="129"/>
      <c r="I43" s="122"/>
      <c r="J43" s="120"/>
      <c r="K43" s="121"/>
      <c r="L43" s="121"/>
      <c r="M43" s="122"/>
      <c r="N43" s="120"/>
      <c r="O43" s="121"/>
      <c r="P43" s="121"/>
      <c r="Q43" s="122"/>
      <c r="R43" s="120"/>
      <c r="S43" s="121"/>
      <c r="T43" s="121"/>
      <c r="U43" s="122"/>
      <c r="V43" s="120"/>
      <c r="W43" s="121"/>
      <c r="X43" s="121"/>
      <c r="Y43" s="122"/>
      <c r="Z43" s="120"/>
      <c r="AA43" s="121"/>
      <c r="AB43" s="121"/>
      <c r="AC43" s="122"/>
      <c r="AD43" s="120"/>
      <c r="AE43" s="121"/>
      <c r="AF43" s="121"/>
      <c r="AG43" s="122"/>
      <c r="AH43" s="120"/>
      <c r="AI43" s="121"/>
      <c r="AJ43" s="121"/>
      <c r="AK43" s="122"/>
      <c r="AL43" s="120"/>
      <c r="AM43" s="121"/>
      <c r="AN43" s="121"/>
      <c r="AO43" s="122"/>
    </row>
    <row r="44" spans="1:41">
      <c r="A44" s="116"/>
      <c r="B44" s="117" t="s">
        <v>33</v>
      </c>
      <c r="C44" s="42"/>
      <c r="D44" s="121"/>
      <c r="E44" s="117" t="s">
        <v>22</v>
      </c>
      <c r="F44" s="123">
        <v>13.2</v>
      </c>
      <c r="G44" s="130"/>
      <c r="H44" s="129"/>
      <c r="I44" s="122"/>
      <c r="J44" s="120"/>
      <c r="K44" s="121"/>
      <c r="L44" s="121"/>
      <c r="M44" s="122"/>
      <c r="N44" s="120"/>
      <c r="O44" s="121"/>
      <c r="P44" s="121"/>
      <c r="Q44" s="122"/>
      <c r="R44" s="120"/>
      <c r="S44" s="121"/>
      <c r="T44" s="121"/>
      <c r="U44" s="122"/>
      <c r="V44" s="120"/>
      <c r="W44" s="121"/>
      <c r="X44" s="121"/>
      <c r="Y44" s="122"/>
      <c r="Z44" s="120"/>
      <c r="AA44" s="121"/>
      <c r="AB44" s="121"/>
      <c r="AC44" s="122"/>
      <c r="AD44" s="120"/>
      <c r="AE44" s="121"/>
      <c r="AF44" s="121"/>
      <c r="AG44" s="122"/>
      <c r="AH44" s="120"/>
      <c r="AI44" s="121"/>
      <c r="AJ44" s="121"/>
      <c r="AK44" s="122"/>
      <c r="AL44" s="120"/>
      <c r="AM44" s="121"/>
      <c r="AN44" s="121"/>
      <c r="AO44" s="122"/>
    </row>
    <row r="45" spans="1:41">
      <c r="A45" s="116"/>
      <c r="B45" s="117" t="s">
        <v>32</v>
      </c>
      <c r="C45" s="42"/>
      <c r="D45" s="118"/>
      <c r="E45" s="117" t="s">
        <v>22</v>
      </c>
      <c r="F45" s="125">
        <v>18</v>
      </c>
      <c r="G45" s="119">
        <v>1.6199999999999999E-2</v>
      </c>
      <c r="H45" s="129"/>
      <c r="I45" s="122"/>
      <c r="J45" s="120"/>
      <c r="K45" s="121"/>
      <c r="L45" s="121"/>
      <c r="M45" s="122"/>
      <c r="N45" s="120"/>
      <c r="O45" s="121"/>
      <c r="P45" s="121"/>
      <c r="Q45" s="122"/>
      <c r="R45" s="120"/>
      <c r="S45" s="121"/>
      <c r="T45" s="121"/>
      <c r="U45" s="122"/>
      <c r="V45" s="120"/>
      <c r="W45" s="121"/>
      <c r="X45" s="121"/>
      <c r="Y45" s="122"/>
      <c r="Z45" s="120"/>
      <c r="AA45" s="121"/>
      <c r="AB45" s="121"/>
      <c r="AC45" s="122"/>
      <c r="AD45" s="120"/>
      <c r="AE45" s="121"/>
      <c r="AF45" s="121"/>
      <c r="AG45" s="122"/>
      <c r="AH45" s="120"/>
      <c r="AI45" s="121"/>
      <c r="AJ45" s="121"/>
      <c r="AK45" s="122"/>
      <c r="AL45" s="120"/>
      <c r="AM45" s="121"/>
      <c r="AN45" s="121"/>
      <c r="AO45" s="122"/>
    </row>
    <row r="46" spans="1:41">
      <c r="A46" s="116"/>
      <c r="B46" s="117" t="s">
        <v>31</v>
      </c>
      <c r="C46" s="42"/>
      <c r="D46" s="118"/>
      <c r="E46" s="117" t="s">
        <v>22</v>
      </c>
      <c r="F46" s="100">
        <v>26.9</v>
      </c>
      <c r="G46" s="119">
        <v>1.66E-2</v>
      </c>
      <c r="H46" s="129"/>
      <c r="I46" s="122"/>
      <c r="J46" s="120"/>
      <c r="K46" s="121"/>
      <c r="L46" s="121"/>
      <c r="M46" s="122"/>
      <c r="N46" s="120"/>
      <c r="O46" s="121"/>
      <c r="P46" s="121"/>
      <c r="Q46" s="122"/>
      <c r="R46" s="120"/>
      <c r="S46" s="121"/>
      <c r="T46" s="121"/>
      <c r="U46" s="122"/>
      <c r="V46" s="120"/>
      <c r="W46" s="121"/>
      <c r="X46" s="121"/>
      <c r="Y46" s="122"/>
      <c r="Z46" s="120"/>
      <c r="AA46" s="121"/>
      <c r="AB46" s="121"/>
      <c r="AC46" s="122"/>
      <c r="AD46" s="120"/>
      <c r="AE46" s="121"/>
      <c r="AF46" s="121"/>
      <c r="AG46" s="122"/>
      <c r="AH46" s="120"/>
      <c r="AI46" s="121"/>
      <c r="AJ46" s="121"/>
      <c r="AK46" s="122"/>
      <c r="AL46" s="120"/>
      <c r="AM46" s="121"/>
      <c r="AN46" s="121"/>
      <c r="AO46" s="122"/>
    </row>
    <row r="47" spans="1:41">
      <c r="A47" s="116"/>
      <c r="B47" s="117" t="s">
        <v>30</v>
      </c>
      <c r="C47" s="42"/>
      <c r="D47" s="118"/>
      <c r="E47" s="117" t="s">
        <v>22</v>
      </c>
      <c r="F47" s="100">
        <v>33.200000000000003</v>
      </c>
      <c r="G47" s="119">
        <v>1.35E-2</v>
      </c>
      <c r="H47" s="129"/>
      <c r="I47" s="122"/>
      <c r="J47" s="120"/>
      <c r="K47" s="121"/>
      <c r="L47" s="121"/>
      <c r="M47" s="122"/>
      <c r="N47" s="120"/>
      <c r="O47" s="121"/>
      <c r="P47" s="121"/>
      <c r="Q47" s="122"/>
      <c r="R47" s="120"/>
      <c r="S47" s="121"/>
      <c r="T47" s="121"/>
      <c r="U47" s="122"/>
      <c r="V47" s="120"/>
      <c r="W47" s="121"/>
      <c r="X47" s="121"/>
      <c r="Y47" s="122"/>
      <c r="Z47" s="120"/>
      <c r="AA47" s="121"/>
      <c r="AB47" s="121"/>
      <c r="AC47" s="122"/>
      <c r="AD47" s="120"/>
      <c r="AE47" s="121"/>
      <c r="AF47" s="121"/>
      <c r="AG47" s="122"/>
      <c r="AH47" s="120"/>
      <c r="AI47" s="121"/>
      <c r="AJ47" s="121"/>
      <c r="AK47" s="122"/>
      <c r="AL47" s="120"/>
      <c r="AM47" s="121"/>
      <c r="AN47" s="121"/>
      <c r="AO47" s="122"/>
    </row>
    <row r="48" spans="1:41">
      <c r="A48" s="116"/>
      <c r="B48" s="117" t="s">
        <v>29</v>
      </c>
      <c r="C48" s="42"/>
      <c r="D48" s="118"/>
      <c r="E48" s="117" t="s">
        <v>22</v>
      </c>
      <c r="F48" s="100">
        <v>29.3</v>
      </c>
      <c r="G48" s="119">
        <v>2.5700000000000001E-2</v>
      </c>
      <c r="H48" s="129"/>
      <c r="I48" s="122"/>
      <c r="J48" s="120"/>
      <c r="K48" s="121"/>
      <c r="L48" s="121"/>
      <c r="M48" s="122"/>
      <c r="N48" s="120"/>
      <c r="O48" s="121"/>
      <c r="P48" s="121"/>
      <c r="Q48" s="122"/>
      <c r="R48" s="120"/>
      <c r="S48" s="121"/>
      <c r="T48" s="121"/>
      <c r="U48" s="122"/>
      <c r="V48" s="120"/>
      <c r="W48" s="121"/>
      <c r="X48" s="121"/>
      <c r="Y48" s="122"/>
      <c r="Z48" s="120"/>
      <c r="AA48" s="121"/>
      <c r="AB48" s="121"/>
      <c r="AC48" s="122"/>
      <c r="AD48" s="120"/>
      <c r="AE48" s="121"/>
      <c r="AF48" s="121"/>
      <c r="AG48" s="122"/>
      <c r="AH48" s="120"/>
      <c r="AI48" s="121"/>
      <c r="AJ48" s="121"/>
      <c r="AK48" s="122"/>
      <c r="AL48" s="120"/>
      <c r="AM48" s="121"/>
      <c r="AN48" s="121"/>
      <c r="AO48" s="122"/>
    </row>
    <row r="49" spans="1:41">
      <c r="A49" s="116"/>
      <c r="B49" s="117" t="s">
        <v>28</v>
      </c>
      <c r="C49" s="42"/>
      <c r="D49" s="118"/>
      <c r="E49" s="117" t="s">
        <v>22</v>
      </c>
      <c r="F49" s="100">
        <v>29.3</v>
      </c>
      <c r="G49" s="119">
        <v>2.3900000000000001E-2</v>
      </c>
      <c r="H49" s="129"/>
      <c r="I49" s="122"/>
      <c r="J49" s="120"/>
      <c r="K49" s="121"/>
      <c r="L49" s="121"/>
      <c r="M49" s="122"/>
      <c r="N49" s="120"/>
      <c r="O49" s="121"/>
      <c r="P49" s="121"/>
      <c r="Q49" s="122"/>
      <c r="R49" s="120"/>
      <c r="S49" s="121"/>
      <c r="T49" s="121"/>
      <c r="U49" s="122"/>
      <c r="V49" s="120"/>
      <c r="W49" s="121"/>
      <c r="X49" s="121"/>
      <c r="Y49" s="122"/>
      <c r="Z49" s="120"/>
      <c r="AA49" s="121"/>
      <c r="AB49" s="121"/>
      <c r="AC49" s="122"/>
      <c r="AD49" s="120"/>
      <c r="AE49" s="121"/>
      <c r="AF49" s="121"/>
      <c r="AG49" s="122"/>
      <c r="AH49" s="120"/>
      <c r="AI49" s="121"/>
      <c r="AJ49" s="121"/>
      <c r="AK49" s="122"/>
      <c r="AL49" s="120"/>
      <c r="AM49" s="121"/>
      <c r="AN49" s="121"/>
      <c r="AO49" s="122"/>
    </row>
    <row r="50" spans="1:41">
      <c r="A50" s="116"/>
      <c r="B50" s="117" t="s">
        <v>27</v>
      </c>
      <c r="C50" s="42"/>
      <c r="D50" s="118"/>
      <c r="E50" s="117" t="s">
        <v>209</v>
      </c>
      <c r="F50" s="100">
        <v>40.200000000000003</v>
      </c>
      <c r="G50" s="119">
        <v>1.7899999999999999E-2</v>
      </c>
      <c r="H50" s="129"/>
      <c r="I50" s="122"/>
      <c r="J50" s="120"/>
      <c r="K50" s="121"/>
      <c r="L50" s="121"/>
      <c r="M50" s="122"/>
      <c r="N50" s="120"/>
      <c r="O50" s="121"/>
      <c r="P50" s="121"/>
      <c r="Q50" s="122"/>
      <c r="R50" s="120"/>
      <c r="S50" s="121"/>
      <c r="T50" s="121"/>
      <c r="U50" s="122"/>
      <c r="V50" s="120"/>
      <c r="W50" s="121"/>
      <c r="X50" s="121"/>
      <c r="Y50" s="122"/>
      <c r="Z50" s="120"/>
      <c r="AA50" s="121"/>
      <c r="AB50" s="121"/>
      <c r="AC50" s="122"/>
      <c r="AD50" s="120"/>
      <c r="AE50" s="121"/>
      <c r="AF50" s="121"/>
      <c r="AG50" s="122"/>
      <c r="AH50" s="120"/>
      <c r="AI50" s="121"/>
      <c r="AJ50" s="121"/>
      <c r="AK50" s="122"/>
      <c r="AL50" s="120"/>
      <c r="AM50" s="121"/>
      <c r="AN50" s="121"/>
      <c r="AO50" s="122"/>
    </row>
    <row r="51" spans="1:41">
      <c r="A51" s="116"/>
      <c r="B51" s="117" t="s">
        <v>26</v>
      </c>
      <c r="C51" s="42"/>
      <c r="D51" s="118"/>
      <c r="E51" s="117" t="s">
        <v>206</v>
      </c>
      <c r="F51" s="100">
        <v>21.2</v>
      </c>
      <c r="G51" s="130"/>
      <c r="H51" s="129"/>
      <c r="I51" s="122"/>
      <c r="J51" s="120"/>
      <c r="K51" s="121"/>
      <c r="L51" s="121"/>
      <c r="M51" s="122"/>
      <c r="N51" s="120"/>
      <c r="O51" s="121"/>
      <c r="P51" s="121"/>
      <c r="Q51" s="122"/>
      <c r="R51" s="120"/>
      <c r="S51" s="121"/>
      <c r="T51" s="121"/>
      <c r="U51" s="122"/>
      <c r="V51" s="120"/>
      <c r="W51" s="121"/>
      <c r="X51" s="121"/>
      <c r="Y51" s="122"/>
      <c r="Z51" s="120"/>
      <c r="AA51" s="121"/>
      <c r="AB51" s="121"/>
      <c r="AC51" s="122"/>
      <c r="AD51" s="120"/>
      <c r="AE51" s="121"/>
      <c r="AF51" s="121"/>
      <c r="AG51" s="122"/>
      <c r="AH51" s="120"/>
      <c r="AI51" s="121"/>
      <c r="AJ51" s="121"/>
      <c r="AK51" s="122"/>
      <c r="AL51" s="120"/>
      <c r="AM51" s="121"/>
      <c r="AN51" s="121"/>
      <c r="AO51" s="122"/>
    </row>
    <row r="52" spans="1:41">
      <c r="A52" s="116"/>
      <c r="B52" s="117" t="s">
        <v>25</v>
      </c>
      <c r="C52" s="42"/>
      <c r="D52" s="118"/>
      <c r="E52" s="117" t="s">
        <v>22</v>
      </c>
      <c r="F52" s="100">
        <v>17.100000000000001</v>
      </c>
      <c r="G52" s="130"/>
      <c r="H52" s="129"/>
      <c r="I52" s="122"/>
      <c r="J52" s="120"/>
      <c r="K52" s="121"/>
      <c r="L52" s="121"/>
      <c r="M52" s="122"/>
      <c r="N52" s="120"/>
      <c r="O52" s="121"/>
      <c r="P52" s="121"/>
      <c r="Q52" s="122"/>
      <c r="R52" s="120"/>
      <c r="S52" s="121"/>
      <c r="T52" s="121"/>
      <c r="U52" s="122"/>
      <c r="V52" s="120"/>
      <c r="W52" s="121"/>
      <c r="X52" s="121"/>
      <c r="Y52" s="122"/>
      <c r="Z52" s="120"/>
      <c r="AA52" s="121"/>
      <c r="AB52" s="121"/>
      <c r="AC52" s="122"/>
      <c r="AD52" s="120"/>
      <c r="AE52" s="121"/>
      <c r="AF52" s="121"/>
      <c r="AG52" s="122"/>
      <c r="AH52" s="120"/>
      <c r="AI52" s="121"/>
      <c r="AJ52" s="121"/>
      <c r="AK52" s="122"/>
      <c r="AL52" s="120"/>
      <c r="AM52" s="121"/>
      <c r="AN52" s="121"/>
      <c r="AO52" s="122"/>
    </row>
    <row r="53" spans="1:41">
      <c r="A53" s="116"/>
      <c r="B53" s="117" t="s">
        <v>24</v>
      </c>
      <c r="C53" s="42"/>
      <c r="D53" s="118"/>
      <c r="E53" s="117" t="s">
        <v>22</v>
      </c>
      <c r="F53" s="100">
        <v>142</v>
      </c>
      <c r="G53" s="130"/>
      <c r="H53" s="129"/>
      <c r="I53" s="122"/>
      <c r="J53" s="120"/>
      <c r="K53" s="121"/>
      <c r="L53" s="121"/>
      <c r="M53" s="122"/>
      <c r="N53" s="120"/>
      <c r="O53" s="121"/>
      <c r="P53" s="121"/>
      <c r="Q53" s="122"/>
      <c r="R53" s="120"/>
      <c r="S53" s="121"/>
      <c r="T53" s="121"/>
      <c r="U53" s="122"/>
      <c r="V53" s="120"/>
      <c r="W53" s="121"/>
      <c r="X53" s="121"/>
      <c r="Y53" s="122"/>
      <c r="Z53" s="120"/>
      <c r="AA53" s="121"/>
      <c r="AB53" s="121"/>
      <c r="AC53" s="122"/>
      <c r="AD53" s="120"/>
      <c r="AE53" s="121"/>
      <c r="AF53" s="121"/>
      <c r="AG53" s="122"/>
      <c r="AH53" s="120"/>
      <c r="AI53" s="121"/>
      <c r="AJ53" s="121"/>
      <c r="AK53" s="122"/>
      <c r="AL53" s="120"/>
      <c r="AM53" s="121"/>
      <c r="AN53" s="121"/>
      <c r="AO53" s="122"/>
    </row>
    <row r="54" spans="1:41">
      <c r="A54" s="116"/>
      <c r="B54" s="117" t="s">
        <v>23</v>
      </c>
      <c r="C54" s="42"/>
      <c r="D54" s="118"/>
      <c r="E54" s="117" t="s">
        <v>22</v>
      </c>
      <c r="F54" s="100">
        <v>22.5</v>
      </c>
      <c r="G54" s="130"/>
      <c r="H54" s="129"/>
      <c r="I54" s="122"/>
      <c r="J54" s="120"/>
      <c r="K54" s="121"/>
      <c r="L54" s="121"/>
      <c r="M54" s="122"/>
      <c r="N54" s="120"/>
      <c r="O54" s="121"/>
      <c r="P54" s="121"/>
      <c r="Q54" s="122"/>
      <c r="R54" s="120"/>
      <c r="S54" s="121"/>
      <c r="T54" s="121"/>
      <c r="U54" s="122"/>
      <c r="V54" s="120"/>
      <c r="W54" s="121"/>
      <c r="X54" s="121"/>
      <c r="Y54" s="122"/>
      <c r="Z54" s="120"/>
      <c r="AA54" s="121"/>
      <c r="AB54" s="121"/>
      <c r="AC54" s="122"/>
      <c r="AD54" s="120"/>
      <c r="AE54" s="121"/>
      <c r="AF54" s="121"/>
      <c r="AG54" s="122"/>
      <c r="AH54" s="120"/>
      <c r="AI54" s="121"/>
      <c r="AJ54" s="121"/>
      <c r="AK54" s="122"/>
      <c r="AL54" s="120"/>
      <c r="AM54" s="121"/>
      <c r="AN54" s="121"/>
      <c r="AO54" s="122"/>
    </row>
    <row r="55" spans="1:41">
      <c r="A55" s="116"/>
      <c r="B55" s="153" t="s">
        <v>317</v>
      </c>
      <c r="C55" s="134"/>
      <c r="D55" s="121"/>
      <c r="E55" s="97"/>
      <c r="F55" s="120"/>
      <c r="G55" s="132"/>
      <c r="H55" s="129"/>
      <c r="I55" s="122"/>
      <c r="J55" s="120"/>
      <c r="K55" s="121"/>
      <c r="L55" s="121"/>
      <c r="M55" s="122"/>
      <c r="N55" s="120"/>
      <c r="O55" s="121"/>
      <c r="P55" s="121"/>
      <c r="Q55" s="122"/>
      <c r="R55" s="120"/>
      <c r="S55" s="121"/>
      <c r="T55" s="121"/>
      <c r="U55" s="122"/>
      <c r="V55" s="120"/>
      <c r="W55" s="121"/>
      <c r="X55" s="121"/>
      <c r="Y55" s="122"/>
      <c r="Z55" s="120"/>
      <c r="AA55" s="121"/>
      <c r="AB55" s="121"/>
      <c r="AC55" s="122"/>
      <c r="AD55" s="120"/>
      <c r="AE55" s="121"/>
      <c r="AF55" s="121"/>
      <c r="AG55" s="122"/>
      <c r="AH55" s="120"/>
      <c r="AI55" s="121"/>
      <c r="AJ55" s="121"/>
      <c r="AK55" s="122"/>
      <c r="AL55" s="120"/>
      <c r="AM55" s="121"/>
      <c r="AN55" s="121"/>
      <c r="AO55" s="122"/>
    </row>
    <row r="56" spans="1:41">
      <c r="A56" s="131"/>
      <c r="B56" s="153" t="s">
        <v>318</v>
      </c>
      <c r="C56" s="134"/>
      <c r="D56" s="121"/>
      <c r="E56" s="97"/>
      <c r="F56" s="120"/>
      <c r="G56" s="132"/>
      <c r="H56" s="129"/>
      <c r="I56" s="122"/>
      <c r="J56" s="120"/>
      <c r="K56" s="121"/>
      <c r="L56" s="121"/>
      <c r="M56" s="122"/>
      <c r="N56" s="120"/>
      <c r="O56" s="121"/>
      <c r="P56" s="121"/>
      <c r="Q56" s="122"/>
      <c r="R56" s="120"/>
      <c r="S56" s="121"/>
      <c r="T56" s="121"/>
      <c r="U56" s="122"/>
      <c r="V56" s="120"/>
      <c r="W56" s="121"/>
      <c r="X56" s="121"/>
      <c r="Y56" s="122"/>
      <c r="Z56" s="120"/>
      <c r="AA56" s="121"/>
      <c r="AB56" s="121"/>
      <c r="AC56" s="122"/>
      <c r="AD56" s="120"/>
      <c r="AE56" s="121"/>
      <c r="AF56" s="121"/>
      <c r="AG56" s="122"/>
      <c r="AH56" s="120"/>
      <c r="AI56" s="121"/>
      <c r="AJ56" s="121"/>
      <c r="AK56" s="122"/>
      <c r="AL56" s="120"/>
      <c r="AM56" s="121"/>
      <c r="AN56" s="121"/>
      <c r="AO56" s="122"/>
    </row>
    <row r="57" spans="1:41" ht="28.5">
      <c r="A57" s="133" t="s">
        <v>103</v>
      </c>
      <c r="B57" s="98" t="s">
        <v>89</v>
      </c>
      <c r="C57" s="135" t="s">
        <v>88</v>
      </c>
      <c r="D57" s="118"/>
      <c r="E57" s="117" t="s">
        <v>208</v>
      </c>
      <c r="F57" s="100">
        <v>1.17</v>
      </c>
      <c r="G57" s="124">
        <v>6.54E-2</v>
      </c>
      <c r="H57" s="129"/>
      <c r="I57" s="122"/>
      <c r="J57" s="120"/>
      <c r="K57" s="136"/>
      <c r="L57" s="121"/>
      <c r="M57" s="132"/>
      <c r="N57" s="120"/>
      <c r="O57" s="136"/>
      <c r="P57" s="121"/>
      <c r="Q57" s="132"/>
      <c r="R57" s="120"/>
      <c r="S57" s="136"/>
      <c r="T57" s="121"/>
      <c r="U57" s="132"/>
      <c r="V57" s="120"/>
      <c r="W57" s="136"/>
      <c r="X57" s="121"/>
      <c r="Y57" s="132"/>
      <c r="Z57" s="120"/>
      <c r="AA57" s="136"/>
      <c r="AB57" s="121"/>
      <c r="AC57" s="132"/>
      <c r="AD57" s="120"/>
      <c r="AE57" s="136"/>
      <c r="AF57" s="121"/>
      <c r="AG57" s="132"/>
      <c r="AH57" s="120"/>
      <c r="AI57" s="136"/>
      <c r="AJ57" s="121"/>
      <c r="AK57" s="132"/>
      <c r="AL57" s="120"/>
      <c r="AM57" s="136"/>
      <c r="AN57" s="121"/>
      <c r="AO57" s="132"/>
    </row>
    <row r="58" spans="1:41">
      <c r="A58" s="116"/>
      <c r="B58" s="128"/>
      <c r="C58" s="137"/>
      <c r="D58" s="138" t="s">
        <v>122</v>
      </c>
      <c r="E58" s="117" t="s">
        <v>208</v>
      </c>
      <c r="F58" s="100">
        <v>1.17</v>
      </c>
      <c r="G58" s="132"/>
      <c r="H58" s="129"/>
      <c r="I58" s="122"/>
      <c r="J58" s="120"/>
      <c r="K58" s="136"/>
      <c r="L58" s="121"/>
      <c r="M58" s="132"/>
      <c r="N58" s="120"/>
      <c r="O58" s="136"/>
      <c r="P58" s="121"/>
      <c r="Q58" s="132"/>
      <c r="R58" s="120"/>
      <c r="S58" s="136"/>
      <c r="T58" s="121"/>
      <c r="U58" s="132"/>
      <c r="V58" s="120"/>
      <c r="W58" s="136"/>
      <c r="X58" s="121"/>
      <c r="Y58" s="132"/>
      <c r="Z58" s="120"/>
      <c r="AA58" s="136"/>
      <c r="AB58" s="121"/>
      <c r="AC58" s="132"/>
      <c r="AD58" s="120"/>
      <c r="AE58" s="136"/>
      <c r="AF58" s="121"/>
      <c r="AG58" s="132"/>
      <c r="AH58" s="120"/>
      <c r="AI58" s="136"/>
      <c r="AJ58" s="121"/>
      <c r="AK58" s="132"/>
      <c r="AL58" s="120"/>
      <c r="AM58" s="136"/>
      <c r="AN58" s="121"/>
      <c r="AO58" s="132"/>
    </row>
    <row r="59" spans="1:41">
      <c r="A59" s="116"/>
      <c r="B59" s="128"/>
      <c r="C59" s="139" t="s">
        <v>21</v>
      </c>
      <c r="D59" s="140"/>
      <c r="E59" s="117" t="s">
        <v>208</v>
      </c>
      <c r="F59" s="100">
        <v>1.19</v>
      </c>
      <c r="G59" s="141"/>
      <c r="H59" s="129"/>
      <c r="I59" s="122"/>
      <c r="J59" s="120"/>
      <c r="K59" s="136"/>
      <c r="L59" s="121"/>
      <c r="M59" s="132"/>
      <c r="N59" s="120"/>
      <c r="O59" s="136"/>
      <c r="P59" s="121"/>
      <c r="Q59" s="132"/>
      <c r="R59" s="120"/>
      <c r="S59" s="136"/>
      <c r="T59" s="121"/>
      <c r="U59" s="132"/>
      <c r="V59" s="120"/>
      <c r="W59" s="136"/>
      <c r="X59" s="121"/>
      <c r="Y59" s="132"/>
      <c r="Z59" s="120"/>
      <c r="AA59" s="136"/>
      <c r="AB59" s="121"/>
      <c r="AC59" s="132"/>
      <c r="AD59" s="120"/>
      <c r="AE59" s="136"/>
      <c r="AF59" s="121"/>
      <c r="AG59" s="132"/>
      <c r="AH59" s="120"/>
      <c r="AI59" s="136"/>
      <c r="AJ59" s="121"/>
      <c r="AK59" s="132"/>
      <c r="AL59" s="120"/>
      <c r="AM59" s="136"/>
      <c r="AN59" s="121"/>
      <c r="AO59" s="132"/>
    </row>
    <row r="60" spans="1:41">
      <c r="A60" s="116"/>
      <c r="B60" s="128"/>
      <c r="C60" s="142"/>
      <c r="D60" s="143" t="s">
        <v>123</v>
      </c>
      <c r="E60" s="117" t="s">
        <v>208</v>
      </c>
      <c r="F60" s="100">
        <v>1.19</v>
      </c>
      <c r="G60" s="141"/>
      <c r="H60" s="129"/>
      <c r="I60" s="122"/>
      <c r="J60" s="120"/>
      <c r="K60" s="136"/>
      <c r="L60" s="121"/>
      <c r="M60" s="132"/>
      <c r="N60" s="120"/>
      <c r="O60" s="136"/>
      <c r="P60" s="121"/>
      <c r="Q60" s="132"/>
      <c r="R60" s="120"/>
      <c r="S60" s="136"/>
      <c r="T60" s="121"/>
      <c r="U60" s="132"/>
      <c r="V60" s="120"/>
      <c r="W60" s="136"/>
      <c r="X60" s="121"/>
      <c r="Y60" s="132"/>
      <c r="Z60" s="120"/>
      <c r="AA60" s="136"/>
      <c r="AB60" s="121"/>
      <c r="AC60" s="132"/>
      <c r="AD60" s="120"/>
      <c r="AE60" s="136"/>
      <c r="AF60" s="121"/>
      <c r="AG60" s="132"/>
      <c r="AH60" s="120"/>
      <c r="AI60" s="136"/>
      <c r="AJ60" s="121"/>
      <c r="AK60" s="132"/>
      <c r="AL60" s="120"/>
      <c r="AM60" s="136"/>
      <c r="AN60" s="121"/>
      <c r="AO60" s="132"/>
    </row>
    <row r="61" spans="1:41">
      <c r="A61" s="116"/>
      <c r="B61" s="128"/>
      <c r="C61" s="139" t="s">
        <v>20</v>
      </c>
      <c r="D61" s="140"/>
      <c r="E61" s="117" t="s">
        <v>208</v>
      </c>
      <c r="F61" s="100">
        <v>1.19</v>
      </c>
      <c r="G61" s="141"/>
      <c r="H61" s="129"/>
      <c r="I61" s="122"/>
      <c r="J61" s="120"/>
      <c r="K61" s="136"/>
      <c r="L61" s="121"/>
      <c r="M61" s="132"/>
      <c r="N61" s="120"/>
      <c r="O61" s="136"/>
      <c r="P61" s="121"/>
      <c r="Q61" s="132"/>
      <c r="R61" s="120"/>
      <c r="S61" s="136"/>
      <c r="T61" s="121"/>
      <c r="U61" s="132"/>
      <c r="V61" s="120"/>
      <c r="W61" s="136"/>
      <c r="X61" s="121"/>
      <c r="Y61" s="132"/>
      <c r="Z61" s="120"/>
      <c r="AA61" s="136"/>
      <c r="AB61" s="121"/>
      <c r="AC61" s="132"/>
      <c r="AD61" s="120"/>
      <c r="AE61" s="136"/>
      <c r="AF61" s="121"/>
      <c r="AG61" s="132"/>
      <c r="AH61" s="120"/>
      <c r="AI61" s="136"/>
      <c r="AJ61" s="121"/>
      <c r="AK61" s="132"/>
      <c r="AL61" s="120"/>
      <c r="AM61" s="136"/>
      <c r="AN61" s="121"/>
      <c r="AO61" s="132"/>
    </row>
    <row r="62" spans="1:41">
      <c r="A62" s="116"/>
      <c r="B62" s="128"/>
      <c r="C62" s="142"/>
      <c r="D62" s="143" t="s">
        <v>124</v>
      </c>
      <c r="E62" s="117" t="s">
        <v>208</v>
      </c>
      <c r="F62" s="100">
        <v>1.19</v>
      </c>
      <c r="G62" s="141"/>
      <c r="H62" s="129"/>
      <c r="I62" s="122"/>
      <c r="J62" s="120"/>
      <c r="K62" s="136"/>
      <c r="L62" s="121"/>
      <c r="M62" s="132"/>
      <c r="N62" s="120"/>
      <c r="O62" s="136"/>
      <c r="P62" s="121"/>
      <c r="Q62" s="132"/>
      <c r="R62" s="120"/>
      <c r="S62" s="136"/>
      <c r="T62" s="121"/>
      <c r="U62" s="132"/>
      <c r="V62" s="120"/>
      <c r="W62" s="136"/>
      <c r="X62" s="121"/>
      <c r="Y62" s="132"/>
      <c r="Z62" s="120"/>
      <c r="AA62" s="136"/>
      <c r="AB62" s="121"/>
      <c r="AC62" s="132"/>
      <c r="AD62" s="120"/>
      <c r="AE62" s="136"/>
      <c r="AF62" s="121"/>
      <c r="AG62" s="132"/>
      <c r="AH62" s="120"/>
      <c r="AI62" s="136"/>
      <c r="AJ62" s="121"/>
      <c r="AK62" s="132"/>
      <c r="AL62" s="120"/>
      <c r="AM62" s="136"/>
      <c r="AN62" s="121"/>
      <c r="AO62" s="132"/>
    </row>
    <row r="63" spans="1:41">
      <c r="A63" s="116"/>
      <c r="B63" s="128"/>
      <c r="C63" s="139" t="s">
        <v>19</v>
      </c>
      <c r="D63" s="140"/>
      <c r="E63" s="117" t="s">
        <v>208</v>
      </c>
      <c r="F63" s="100">
        <v>1.19</v>
      </c>
      <c r="G63" s="141"/>
      <c r="H63" s="129"/>
      <c r="I63" s="122"/>
      <c r="J63" s="120"/>
      <c r="K63" s="136"/>
      <c r="L63" s="121"/>
      <c r="M63" s="132"/>
      <c r="N63" s="120"/>
      <c r="O63" s="136"/>
      <c r="P63" s="121"/>
      <c r="Q63" s="132"/>
      <c r="R63" s="120"/>
      <c r="S63" s="136"/>
      <c r="T63" s="121"/>
      <c r="U63" s="132"/>
      <c r="V63" s="120"/>
      <c r="W63" s="136"/>
      <c r="X63" s="121"/>
      <c r="Y63" s="132"/>
      <c r="Z63" s="120"/>
      <c r="AA63" s="136"/>
      <c r="AB63" s="121"/>
      <c r="AC63" s="132"/>
      <c r="AD63" s="120"/>
      <c r="AE63" s="136"/>
      <c r="AF63" s="121"/>
      <c r="AG63" s="132"/>
      <c r="AH63" s="120"/>
      <c r="AI63" s="136"/>
      <c r="AJ63" s="121"/>
      <c r="AK63" s="132"/>
      <c r="AL63" s="120"/>
      <c r="AM63" s="136"/>
      <c r="AN63" s="121"/>
      <c r="AO63" s="132"/>
    </row>
    <row r="64" spans="1:41">
      <c r="A64" s="116"/>
      <c r="B64" s="128"/>
      <c r="C64" s="142"/>
      <c r="D64" s="143" t="s">
        <v>124</v>
      </c>
      <c r="E64" s="117" t="s">
        <v>208</v>
      </c>
      <c r="F64" s="100">
        <v>1.19</v>
      </c>
      <c r="G64" s="141"/>
      <c r="H64" s="129"/>
      <c r="I64" s="122"/>
      <c r="J64" s="120"/>
      <c r="K64" s="136"/>
      <c r="L64" s="121"/>
      <c r="M64" s="132"/>
      <c r="N64" s="120"/>
      <c r="O64" s="136"/>
      <c r="P64" s="121"/>
      <c r="Q64" s="132"/>
      <c r="R64" s="120"/>
      <c r="S64" s="136"/>
      <c r="T64" s="121"/>
      <c r="U64" s="132"/>
      <c r="V64" s="120"/>
      <c r="W64" s="136"/>
      <c r="X64" s="121"/>
      <c r="Y64" s="132"/>
      <c r="Z64" s="120"/>
      <c r="AA64" s="136"/>
      <c r="AB64" s="121"/>
      <c r="AC64" s="132"/>
      <c r="AD64" s="120"/>
      <c r="AE64" s="136"/>
      <c r="AF64" s="121"/>
      <c r="AG64" s="132"/>
      <c r="AH64" s="120"/>
      <c r="AI64" s="136"/>
      <c r="AJ64" s="121"/>
      <c r="AK64" s="132"/>
      <c r="AL64" s="120"/>
      <c r="AM64" s="136"/>
      <c r="AN64" s="121"/>
      <c r="AO64" s="132"/>
    </row>
    <row r="65" spans="1:41">
      <c r="A65" s="116"/>
      <c r="B65" s="128"/>
      <c r="C65" s="139" t="s">
        <v>319</v>
      </c>
      <c r="D65" s="263"/>
      <c r="E65" s="117" t="s">
        <v>208</v>
      </c>
      <c r="F65" s="144"/>
      <c r="G65" s="132"/>
      <c r="H65" s="129"/>
      <c r="I65" s="122"/>
      <c r="J65" s="120"/>
      <c r="K65" s="136"/>
      <c r="L65" s="121"/>
      <c r="M65" s="132"/>
      <c r="N65" s="120"/>
      <c r="O65" s="136"/>
      <c r="P65" s="121"/>
      <c r="Q65" s="132"/>
      <c r="R65" s="120"/>
      <c r="S65" s="136"/>
      <c r="T65" s="121"/>
      <c r="U65" s="132"/>
      <c r="V65" s="120"/>
      <c r="W65" s="136"/>
      <c r="X65" s="121"/>
      <c r="Y65" s="132"/>
      <c r="Z65" s="120"/>
      <c r="AA65" s="136"/>
      <c r="AB65" s="121"/>
      <c r="AC65" s="132"/>
      <c r="AD65" s="120"/>
      <c r="AE65" s="136"/>
      <c r="AF65" s="121"/>
      <c r="AG65" s="132"/>
      <c r="AH65" s="120"/>
      <c r="AI65" s="136"/>
      <c r="AJ65" s="121"/>
      <c r="AK65" s="132"/>
      <c r="AL65" s="120"/>
      <c r="AM65" s="136"/>
      <c r="AN65" s="121"/>
      <c r="AO65" s="132"/>
    </row>
    <row r="66" spans="1:41">
      <c r="A66" s="116"/>
      <c r="B66" s="127"/>
      <c r="C66" s="142"/>
      <c r="D66" s="143" t="s">
        <v>124</v>
      </c>
      <c r="E66" s="117" t="s">
        <v>208</v>
      </c>
      <c r="F66" s="144"/>
      <c r="G66" s="145"/>
      <c r="H66" s="129"/>
      <c r="I66" s="122"/>
      <c r="J66" s="144"/>
      <c r="K66" s="146"/>
      <c r="L66" s="147"/>
      <c r="M66" s="145"/>
      <c r="N66" s="144"/>
      <c r="O66" s="146"/>
      <c r="P66" s="147"/>
      <c r="Q66" s="145"/>
      <c r="R66" s="144"/>
      <c r="S66" s="146"/>
      <c r="T66" s="147"/>
      <c r="U66" s="145"/>
      <c r="V66" s="144"/>
      <c r="W66" s="146"/>
      <c r="X66" s="147"/>
      <c r="Y66" s="145"/>
      <c r="Z66" s="144"/>
      <c r="AA66" s="146"/>
      <c r="AB66" s="147"/>
      <c r="AC66" s="145"/>
      <c r="AD66" s="144"/>
      <c r="AE66" s="146"/>
      <c r="AF66" s="147"/>
      <c r="AG66" s="145"/>
      <c r="AH66" s="144"/>
      <c r="AI66" s="146"/>
      <c r="AJ66" s="147"/>
      <c r="AK66" s="145"/>
      <c r="AL66" s="144"/>
      <c r="AM66" s="146"/>
      <c r="AN66" s="147"/>
      <c r="AO66" s="145"/>
    </row>
    <row r="67" spans="1:41" ht="28.5">
      <c r="A67" s="116"/>
      <c r="B67" s="98" t="s">
        <v>87</v>
      </c>
      <c r="C67" s="117" t="s">
        <v>83</v>
      </c>
      <c r="D67" s="118"/>
      <c r="E67" s="117" t="s">
        <v>208</v>
      </c>
      <c r="F67" s="144"/>
      <c r="G67" s="148"/>
      <c r="H67" s="129"/>
      <c r="I67" s="122"/>
      <c r="J67" s="144"/>
      <c r="K67" s="146"/>
      <c r="L67" s="147"/>
      <c r="M67" s="145"/>
      <c r="N67" s="144"/>
      <c r="O67" s="146"/>
      <c r="P67" s="147"/>
      <c r="Q67" s="145"/>
      <c r="R67" s="144"/>
      <c r="S67" s="146"/>
      <c r="T67" s="147"/>
      <c r="U67" s="145"/>
      <c r="V67" s="144"/>
      <c r="W67" s="146"/>
      <c r="X67" s="147"/>
      <c r="Y67" s="145"/>
      <c r="Z67" s="144"/>
      <c r="AA67" s="146"/>
      <c r="AB67" s="147"/>
      <c r="AC67" s="145"/>
      <c r="AD67" s="144"/>
      <c r="AE67" s="146"/>
      <c r="AF67" s="147"/>
      <c r="AG67" s="145"/>
      <c r="AH67" s="144"/>
      <c r="AI67" s="146"/>
      <c r="AJ67" s="147"/>
      <c r="AK67" s="145"/>
      <c r="AL67" s="144"/>
      <c r="AM67" s="146"/>
      <c r="AN67" s="147"/>
      <c r="AO67" s="145"/>
    </row>
    <row r="68" spans="1:41">
      <c r="A68" s="116"/>
      <c r="B68" s="128"/>
      <c r="C68" s="117" t="s">
        <v>84</v>
      </c>
      <c r="D68" s="118"/>
      <c r="E68" s="117" t="s">
        <v>208</v>
      </c>
      <c r="F68" s="144"/>
      <c r="G68" s="148"/>
      <c r="H68" s="129"/>
      <c r="I68" s="122"/>
      <c r="J68" s="144"/>
      <c r="K68" s="146"/>
      <c r="L68" s="147"/>
      <c r="M68" s="145"/>
      <c r="N68" s="144"/>
      <c r="O68" s="146"/>
      <c r="P68" s="147"/>
      <c r="Q68" s="145"/>
      <c r="R68" s="144"/>
      <c r="S68" s="146"/>
      <c r="T68" s="147"/>
      <c r="U68" s="145"/>
      <c r="V68" s="144"/>
      <c r="W68" s="146"/>
      <c r="X68" s="147"/>
      <c r="Y68" s="145"/>
      <c r="Z68" s="144"/>
      <c r="AA68" s="146"/>
      <c r="AB68" s="147"/>
      <c r="AC68" s="145"/>
      <c r="AD68" s="144"/>
      <c r="AE68" s="146"/>
      <c r="AF68" s="147"/>
      <c r="AG68" s="145"/>
      <c r="AH68" s="144"/>
      <c r="AI68" s="146"/>
      <c r="AJ68" s="147"/>
      <c r="AK68" s="145"/>
      <c r="AL68" s="144"/>
      <c r="AM68" s="146"/>
      <c r="AN68" s="147"/>
      <c r="AO68" s="145"/>
    </row>
    <row r="69" spans="1:41">
      <c r="A69" s="116"/>
      <c r="B69" s="128"/>
      <c r="C69" s="117" t="s">
        <v>85</v>
      </c>
      <c r="D69" s="118"/>
      <c r="E69" s="117" t="s">
        <v>208</v>
      </c>
      <c r="F69" s="144"/>
      <c r="G69" s="148"/>
      <c r="H69" s="129"/>
      <c r="I69" s="122"/>
      <c r="J69" s="144"/>
      <c r="K69" s="146"/>
      <c r="L69" s="147"/>
      <c r="M69" s="145"/>
      <c r="N69" s="144"/>
      <c r="O69" s="146"/>
      <c r="P69" s="147"/>
      <c r="Q69" s="145"/>
      <c r="R69" s="144"/>
      <c r="S69" s="146"/>
      <c r="T69" s="147"/>
      <c r="U69" s="145"/>
      <c r="V69" s="144"/>
      <c r="W69" s="146"/>
      <c r="X69" s="147"/>
      <c r="Y69" s="145"/>
      <c r="Z69" s="144"/>
      <c r="AA69" s="146"/>
      <c r="AB69" s="147"/>
      <c r="AC69" s="145"/>
      <c r="AD69" s="144"/>
      <c r="AE69" s="146"/>
      <c r="AF69" s="147"/>
      <c r="AG69" s="145"/>
      <c r="AH69" s="144"/>
      <c r="AI69" s="146"/>
      <c r="AJ69" s="147"/>
      <c r="AK69" s="145"/>
      <c r="AL69" s="144"/>
      <c r="AM69" s="146"/>
      <c r="AN69" s="147"/>
      <c r="AO69" s="145"/>
    </row>
    <row r="70" spans="1:41">
      <c r="A70" s="116"/>
      <c r="B70" s="128"/>
      <c r="C70" s="117" t="s">
        <v>86</v>
      </c>
      <c r="D70" s="118"/>
      <c r="E70" s="117" t="s">
        <v>208</v>
      </c>
      <c r="F70" s="144"/>
      <c r="G70" s="130"/>
      <c r="H70" s="129"/>
      <c r="I70" s="122"/>
      <c r="J70" s="144"/>
      <c r="K70" s="146"/>
      <c r="L70" s="147"/>
      <c r="M70" s="145"/>
      <c r="N70" s="144"/>
      <c r="O70" s="146"/>
      <c r="P70" s="147"/>
      <c r="Q70" s="145"/>
      <c r="R70" s="144"/>
      <c r="S70" s="146"/>
      <c r="T70" s="147"/>
      <c r="U70" s="145"/>
      <c r="V70" s="144"/>
      <c r="W70" s="146"/>
      <c r="X70" s="147"/>
      <c r="Y70" s="145"/>
      <c r="Z70" s="144"/>
      <c r="AA70" s="146"/>
      <c r="AB70" s="147"/>
      <c r="AC70" s="145"/>
      <c r="AD70" s="144"/>
      <c r="AE70" s="146"/>
      <c r="AF70" s="147"/>
      <c r="AG70" s="145"/>
      <c r="AH70" s="144"/>
      <c r="AI70" s="146"/>
      <c r="AJ70" s="147"/>
      <c r="AK70" s="145"/>
      <c r="AL70" s="144"/>
      <c r="AM70" s="146"/>
      <c r="AN70" s="147"/>
      <c r="AO70" s="145"/>
    </row>
    <row r="71" spans="1:41">
      <c r="A71" s="116"/>
      <c r="B71" s="128"/>
      <c r="C71" s="134" t="s">
        <v>320</v>
      </c>
      <c r="D71" s="121"/>
      <c r="E71" s="117" t="s">
        <v>208</v>
      </c>
      <c r="F71" s="144"/>
      <c r="G71" s="145"/>
      <c r="H71" s="129"/>
      <c r="I71" s="122"/>
      <c r="J71" s="144"/>
      <c r="K71" s="146"/>
      <c r="L71" s="147"/>
      <c r="M71" s="145"/>
      <c r="N71" s="144"/>
      <c r="O71" s="146"/>
      <c r="P71" s="147"/>
      <c r="Q71" s="145"/>
      <c r="R71" s="144"/>
      <c r="S71" s="146"/>
      <c r="T71" s="147"/>
      <c r="U71" s="145"/>
      <c r="V71" s="144"/>
      <c r="W71" s="146"/>
      <c r="X71" s="147"/>
      <c r="Y71" s="145"/>
      <c r="Z71" s="144"/>
      <c r="AA71" s="146"/>
      <c r="AB71" s="147"/>
      <c r="AC71" s="145"/>
      <c r="AD71" s="144"/>
      <c r="AE71" s="146"/>
      <c r="AF71" s="147"/>
      <c r="AG71" s="145"/>
      <c r="AH71" s="144"/>
      <c r="AI71" s="146"/>
      <c r="AJ71" s="147"/>
      <c r="AK71" s="145"/>
      <c r="AL71" s="144"/>
      <c r="AM71" s="146"/>
      <c r="AN71" s="147"/>
      <c r="AO71" s="145"/>
    </row>
    <row r="72" spans="1:41">
      <c r="A72" s="131"/>
      <c r="B72" s="127"/>
      <c r="C72" s="134" t="s">
        <v>321</v>
      </c>
      <c r="D72" s="121"/>
      <c r="E72" s="117" t="s">
        <v>208</v>
      </c>
      <c r="F72" s="120"/>
      <c r="G72" s="132"/>
      <c r="H72" s="129"/>
      <c r="I72" s="122"/>
      <c r="J72" s="120"/>
      <c r="K72" s="136"/>
      <c r="L72" s="121"/>
      <c r="M72" s="132"/>
      <c r="N72" s="120"/>
      <c r="O72" s="136"/>
      <c r="P72" s="121"/>
      <c r="Q72" s="132"/>
      <c r="R72" s="120"/>
      <c r="S72" s="136"/>
      <c r="T72" s="121"/>
      <c r="U72" s="132"/>
      <c r="V72" s="120"/>
      <c r="W72" s="136"/>
      <c r="X72" s="121"/>
      <c r="Y72" s="132"/>
      <c r="Z72" s="120"/>
      <c r="AA72" s="136"/>
      <c r="AB72" s="121"/>
      <c r="AC72" s="132"/>
      <c r="AD72" s="120"/>
      <c r="AE72" s="136"/>
      <c r="AF72" s="121"/>
      <c r="AG72" s="132"/>
      <c r="AH72" s="120"/>
      <c r="AI72" s="136"/>
      <c r="AJ72" s="121"/>
      <c r="AK72" s="132"/>
      <c r="AL72" s="120"/>
      <c r="AM72" s="136"/>
      <c r="AN72" s="121"/>
      <c r="AO72" s="132"/>
    </row>
    <row r="73" spans="1:41" ht="28.5">
      <c r="A73" s="116" t="s">
        <v>18</v>
      </c>
      <c r="B73" s="257" t="s">
        <v>90</v>
      </c>
      <c r="C73" s="204" t="s">
        <v>91</v>
      </c>
      <c r="D73" s="162"/>
      <c r="E73" s="161" t="s">
        <v>11</v>
      </c>
      <c r="F73" s="131">
        <v>8.64</v>
      </c>
      <c r="G73" s="258"/>
      <c r="H73" s="259"/>
      <c r="I73" s="260"/>
      <c r="J73" s="261"/>
      <c r="K73" s="262"/>
      <c r="L73" s="262"/>
      <c r="M73" s="260"/>
      <c r="N73" s="261"/>
      <c r="O73" s="262"/>
      <c r="P73" s="262"/>
      <c r="Q73" s="260"/>
      <c r="R73" s="261"/>
      <c r="S73" s="262"/>
      <c r="T73" s="262"/>
      <c r="U73" s="260"/>
      <c r="V73" s="261"/>
      <c r="W73" s="262"/>
      <c r="X73" s="262"/>
      <c r="Y73" s="260"/>
      <c r="Z73" s="261"/>
      <c r="AA73" s="262"/>
      <c r="AB73" s="262"/>
      <c r="AC73" s="260"/>
      <c r="AD73" s="261"/>
      <c r="AE73" s="262"/>
      <c r="AF73" s="262"/>
      <c r="AG73" s="260"/>
      <c r="AH73" s="261"/>
      <c r="AI73" s="262"/>
      <c r="AJ73" s="262"/>
      <c r="AK73" s="260"/>
      <c r="AL73" s="261"/>
      <c r="AM73" s="262"/>
      <c r="AN73" s="262"/>
      <c r="AO73" s="260"/>
    </row>
    <row r="74" spans="1:41">
      <c r="A74" s="116"/>
      <c r="B74" s="127"/>
      <c r="C74" s="152"/>
      <c r="D74" s="153" t="s">
        <v>92</v>
      </c>
      <c r="E74" s="117" t="s">
        <v>11</v>
      </c>
      <c r="F74" s="100">
        <v>8.64</v>
      </c>
      <c r="G74" s="130"/>
      <c r="H74" s="129"/>
      <c r="I74" s="122"/>
      <c r="J74" s="120"/>
      <c r="K74" s="136"/>
      <c r="L74" s="136"/>
      <c r="M74" s="122"/>
      <c r="N74" s="120"/>
      <c r="O74" s="136"/>
      <c r="P74" s="136"/>
      <c r="Q74" s="122"/>
      <c r="R74" s="120"/>
      <c r="S74" s="136"/>
      <c r="T74" s="136"/>
      <c r="U74" s="122"/>
      <c r="V74" s="120"/>
      <c r="W74" s="136"/>
      <c r="X74" s="136"/>
      <c r="Y74" s="122"/>
      <c r="Z74" s="120"/>
      <c r="AA74" s="136"/>
      <c r="AB74" s="136"/>
      <c r="AC74" s="122"/>
      <c r="AD74" s="120"/>
      <c r="AE74" s="136"/>
      <c r="AF74" s="136"/>
      <c r="AG74" s="122"/>
      <c r="AH74" s="120"/>
      <c r="AI74" s="136"/>
      <c r="AJ74" s="136"/>
      <c r="AK74" s="122"/>
      <c r="AL74" s="120"/>
      <c r="AM74" s="136"/>
      <c r="AN74" s="136"/>
      <c r="AO74" s="122"/>
    </row>
    <row r="75" spans="1:41" ht="28.5">
      <c r="A75" s="116"/>
      <c r="B75" s="98" t="s">
        <v>95</v>
      </c>
      <c r="C75" s="134" t="s">
        <v>136</v>
      </c>
      <c r="D75" s="140"/>
      <c r="E75" s="117" t="s">
        <v>11</v>
      </c>
      <c r="F75" s="100">
        <v>3.6</v>
      </c>
      <c r="G75" s="122"/>
      <c r="H75" s="129"/>
      <c r="I75" s="122"/>
      <c r="J75" s="120"/>
      <c r="K75" s="136"/>
      <c r="L75" s="136"/>
      <c r="M75" s="122"/>
      <c r="N75" s="120"/>
      <c r="O75" s="136"/>
      <c r="P75" s="136"/>
      <c r="Q75" s="122"/>
      <c r="R75" s="120"/>
      <c r="S75" s="136"/>
      <c r="T75" s="136"/>
      <c r="U75" s="122"/>
      <c r="V75" s="120"/>
      <c r="W75" s="136"/>
      <c r="X75" s="136"/>
      <c r="Y75" s="122"/>
      <c r="Z75" s="120"/>
      <c r="AA75" s="136"/>
      <c r="AB75" s="136"/>
      <c r="AC75" s="122"/>
      <c r="AD75" s="120"/>
      <c r="AE75" s="136"/>
      <c r="AF75" s="136"/>
      <c r="AG75" s="122"/>
      <c r="AH75" s="120"/>
      <c r="AI75" s="136"/>
      <c r="AJ75" s="136"/>
      <c r="AK75" s="122"/>
      <c r="AL75" s="120"/>
      <c r="AM75" s="136"/>
      <c r="AN75" s="136"/>
      <c r="AO75" s="122"/>
    </row>
    <row r="76" spans="1:41">
      <c r="A76" s="116"/>
      <c r="B76" s="128"/>
      <c r="C76" s="134" t="s">
        <v>137</v>
      </c>
      <c r="D76" s="140"/>
      <c r="E76" s="117" t="s">
        <v>11</v>
      </c>
      <c r="F76" s="100">
        <v>3.6</v>
      </c>
      <c r="G76" s="122"/>
      <c r="H76" s="129"/>
      <c r="I76" s="122"/>
      <c r="J76" s="120"/>
      <c r="K76" s="136"/>
      <c r="L76" s="136"/>
      <c r="M76" s="122"/>
      <c r="N76" s="120"/>
      <c r="O76" s="136"/>
      <c r="P76" s="136"/>
      <c r="Q76" s="122"/>
      <c r="R76" s="120"/>
      <c r="S76" s="136"/>
      <c r="T76" s="136"/>
      <c r="U76" s="122"/>
      <c r="V76" s="120"/>
      <c r="W76" s="136"/>
      <c r="X76" s="136"/>
      <c r="Y76" s="122"/>
      <c r="Z76" s="120"/>
      <c r="AA76" s="136"/>
      <c r="AB76" s="136"/>
      <c r="AC76" s="122"/>
      <c r="AD76" s="120"/>
      <c r="AE76" s="136"/>
      <c r="AF76" s="136"/>
      <c r="AG76" s="122"/>
      <c r="AH76" s="120"/>
      <c r="AI76" s="136"/>
      <c r="AJ76" s="136"/>
      <c r="AK76" s="122"/>
      <c r="AL76" s="120"/>
      <c r="AM76" s="136"/>
      <c r="AN76" s="136"/>
      <c r="AO76" s="122"/>
    </row>
    <row r="77" spans="1:41">
      <c r="A77" s="116"/>
      <c r="B77" s="128"/>
      <c r="C77" s="134" t="s">
        <v>93</v>
      </c>
      <c r="D77" s="140"/>
      <c r="E77" s="117" t="s">
        <v>11</v>
      </c>
      <c r="F77" s="100">
        <v>3.6</v>
      </c>
      <c r="G77" s="122"/>
      <c r="H77" s="129"/>
      <c r="I77" s="122"/>
      <c r="J77" s="120"/>
      <c r="K77" s="136"/>
      <c r="L77" s="136"/>
      <c r="M77" s="122"/>
      <c r="N77" s="120"/>
      <c r="O77" s="136"/>
      <c r="P77" s="136"/>
      <c r="Q77" s="122"/>
      <c r="R77" s="120"/>
      <c r="S77" s="136"/>
      <c r="T77" s="136"/>
      <c r="U77" s="122"/>
      <c r="V77" s="120"/>
      <c r="W77" s="136"/>
      <c r="X77" s="136"/>
      <c r="Y77" s="122"/>
      <c r="Z77" s="120"/>
      <c r="AA77" s="136"/>
      <c r="AB77" s="136"/>
      <c r="AC77" s="122"/>
      <c r="AD77" s="120"/>
      <c r="AE77" s="136"/>
      <c r="AF77" s="136"/>
      <c r="AG77" s="122"/>
      <c r="AH77" s="120"/>
      <c r="AI77" s="136"/>
      <c r="AJ77" s="136"/>
      <c r="AK77" s="122"/>
      <c r="AL77" s="120"/>
      <c r="AM77" s="136"/>
      <c r="AN77" s="136"/>
      <c r="AO77" s="122"/>
    </row>
    <row r="78" spans="1:41">
      <c r="A78" s="116"/>
      <c r="B78" s="128"/>
      <c r="C78" s="139" t="s">
        <v>94</v>
      </c>
      <c r="D78" s="263"/>
      <c r="E78" s="117" t="s">
        <v>11</v>
      </c>
      <c r="F78" s="100">
        <v>8.64</v>
      </c>
      <c r="G78" s="132"/>
      <c r="H78" s="129"/>
      <c r="I78" s="122"/>
      <c r="J78" s="120"/>
      <c r="K78" s="136"/>
      <c r="L78" s="136"/>
      <c r="M78" s="122"/>
      <c r="N78" s="120"/>
      <c r="O78" s="136"/>
      <c r="P78" s="136"/>
      <c r="Q78" s="122"/>
      <c r="R78" s="120"/>
      <c r="S78" s="136"/>
      <c r="T78" s="136"/>
      <c r="U78" s="122"/>
      <c r="V78" s="120"/>
      <c r="W78" s="136"/>
      <c r="X78" s="136"/>
      <c r="Y78" s="122"/>
      <c r="Z78" s="120"/>
      <c r="AA78" s="136"/>
      <c r="AB78" s="136"/>
      <c r="AC78" s="122"/>
      <c r="AD78" s="120"/>
      <c r="AE78" s="136"/>
      <c r="AF78" s="136"/>
      <c r="AG78" s="122"/>
      <c r="AH78" s="120"/>
      <c r="AI78" s="136"/>
      <c r="AJ78" s="136"/>
      <c r="AK78" s="122"/>
      <c r="AL78" s="120"/>
      <c r="AM78" s="136"/>
      <c r="AN78" s="136"/>
      <c r="AO78" s="122"/>
    </row>
    <row r="79" spans="1:41">
      <c r="A79" s="116"/>
      <c r="B79" s="128"/>
      <c r="C79" s="155"/>
      <c r="D79" s="143" t="s">
        <v>125</v>
      </c>
      <c r="E79" s="117" t="s">
        <v>11</v>
      </c>
      <c r="F79" s="100">
        <v>8.64</v>
      </c>
      <c r="G79" s="132"/>
      <c r="H79" s="129"/>
      <c r="I79" s="122"/>
      <c r="J79" s="120"/>
      <c r="K79" s="136"/>
      <c r="L79" s="136"/>
      <c r="M79" s="122"/>
      <c r="N79" s="120"/>
      <c r="O79" s="136"/>
      <c r="P79" s="136"/>
      <c r="Q79" s="122"/>
      <c r="R79" s="120"/>
      <c r="S79" s="136"/>
      <c r="T79" s="136"/>
      <c r="U79" s="122"/>
      <c r="V79" s="120"/>
      <c r="W79" s="136"/>
      <c r="X79" s="136"/>
      <c r="Y79" s="122"/>
      <c r="Z79" s="120"/>
      <c r="AA79" s="136"/>
      <c r="AB79" s="136"/>
      <c r="AC79" s="122"/>
      <c r="AD79" s="120"/>
      <c r="AE79" s="136"/>
      <c r="AF79" s="136"/>
      <c r="AG79" s="122"/>
      <c r="AH79" s="120"/>
      <c r="AI79" s="136"/>
      <c r="AJ79" s="136"/>
      <c r="AK79" s="122"/>
      <c r="AL79" s="120"/>
      <c r="AM79" s="136"/>
      <c r="AN79" s="136"/>
      <c r="AO79" s="122"/>
    </row>
    <row r="80" spans="1:41">
      <c r="A80" s="116"/>
      <c r="B80" s="128"/>
      <c r="C80" s="155"/>
      <c r="D80" s="156" t="s">
        <v>138</v>
      </c>
      <c r="E80" s="117" t="s">
        <v>11</v>
      </c>
      <c r="F80" s="100">
        <v>8.64</v>
      </c>
      <c r="G80" s="132"/>
      <c r="H80" s="129"/>
      <c r="I80" s="122"/>
      <c r="J80" s="120"/>
      <c r="K80" s="136"/>
      <c r="L80" s="136"/>
      <c r="M80" s="122"/>
      <c r="N80" s="120"/>
      <c r="O80" s="136"/>
      <c r="P80" s="136"/>
      <c r="Q80" s="122"/>
      <c r="R80" s="120"/>
      <c r="S80" s="136"/>
      <c r="T80" s="136"/>
      <c r="U80" s="122"/>
      <c r="V80" s="120"/>
      <c r="W80" s="136"/>
      <c r="X80" s="136"/>
      <c r="Y80" s="122"/>
      <c r="Z80" s="120"/>
      <c r="AA80" s="136"/>
      <c r="AB80" s="136"/>
      <c r="AC80" s="122"/>
      <c r="AD80" s="120"/>
      <c r="AE80" s="136"/>
      <c r="AF80" s="136"/>
      <c r="AG80" s="122"/>
      <c r="AH80" s="120"/>
      <c r="AI80" s="136"/>
      <c r="AJ80" s="136"/>
      <c r="AK80" s="122"/>
      <c r="AL80" s="120"/>
      <c r="AM80" s="136"/>
      <c r="AN80" s="136"/>
      <c r="AO80" s="122"/>
    </row>
    <row r="81" spans="1:41">
      <c r="A81" s="116"/>
      <c r="B81" s="128"/>
      <c r="C81" s="139" t="s">
        <v>139</v>
      </c>
      <c r="D81" s="263"/>
      <c r="E81" s="117" t="s">
        <v>11</v>
      </c>
      <c r="F81" s="120"/>
      <c r="G81" s="132"/>
      <c r="H81" s="129"/>
      <c r="I81" s="122"/>
      <c r="J81" s="120"/>
      <c r="K81" s="136"/>
      <c r="L81" s="136"/>
      <c r="M81" s="122"/>
      <c r="N81" s="120"/>
      <c r="O81" s="136"/>
      <c r="P81" s="136"/>
      <c r="Q81" s="122"/>
      <c r="R81" s="120"/>
      <c r="S81" s="136"/>
      <c r="T81" s="136"/>
      <c r="U81" s="122"/>
      <c r="V81" s="120"/>
      <c r="W81" s="136"/>
      <c r="X81" s="136"/>
      <c r="Y81" s="122"/>
      <c r="Z81" s="120"/>
      <c r="AA81" s="136"/>
      <c r="AB81" s="136"/>
      <c r="AC81" s="122"/>
      <c r="AD81" s="120"/>
      <c r="AE81" s="136"/>
      <c r="AF81" s="136"/>
      <c r="AG81" s="122"/>
      <c r="AH81" s="120"/>
      <c r="AI81" s="136"/>
      <c r="AJ81" s="136"/>
      <c r="AK81" s="122"/>
      <c r="AL81" s="120"/>
      <c r="AM81" s="136"/>
      <c r="AN81" s="136"/>
      <c r="AO81" s="122"/>
    </row>
    <row r="82" spans="1:41">
      <c r="A82" s="116"/>
      <c r="B82" s="128"/>
      <c r="C82" s="155"/>
      <c r="D82" s="143" t="s">
        <v>125</v>
      </c>
      <c r="E82" s="117" t="s">
        <v>11</v>
      </c>
      <c r="F82" s="120"/>
      <c r="G82" s="132"/>
      <c r="H82" s="129"/>
      <c r="I82" s="122"/>
      <c r="J82" s="120"/>
      <c r="K82" s="136"/>
      <c r="L82" s="136"/>
      <c r="M82" s="122"/>
      <c r="N82" s="120"/>
      <c r="O82" s="136"/>
      <c r="P82" s="136"/>
      <c r="Q82" s="122"/>
      <c r="R82" s="120"/>
      <c r="S82" s="136"/>
      <c r="T82" s="136"/>
      <c r="U82" s="122"/>
      <c r="V82" s="120"/>
      <c r="W82" s="136"/>
      <c r="X82" s="136"/>
      <c r="Y82" s="122"/>
      <c r="Z82" s="120"/>
      <c r="AA82" s="136"/>
      <c r="AB82" s="136"/>
      <c r="AC82" s="122"/>
      <c r="AD82" s="120"/>
      <c r="AE82" s="136"/>
      <c r="AF82" s="136"/>
      <c r="AG82" s="122"/>
      <c r="AH82" s="120"/>
      <c r="AI82" s="136"/>
      <c r="AJ82" s="136"/>
      <c r="AK82" s="122"/>
      <c r="AL82" s="120"/>
      <c r="AM82" s="136"/>
      <c r="AN82" s="136"/>
      <c r="AO82" s="122"/>
    </row>
    <row r="83" spans="1:41">
      <c r="A83" s="116"/>
      <c r="B83" s="128"/>
      <c r="C83" s="155"/>
      <c r="D83" s="143" t="s">
        <v>138</v>
      </c>
      <c r="E83" s="117" t="s">
        <v>11</v>
      </c>
      <c r="F83" s="120"/>
      <c r="G83" s="132"/>
      <c r="H83" s="129"/>
      <c r="I83" s="122"/>
      <c r="J83" s="120"/>
      <c r="K83" s="136"/>
      <c r="L83" s="136"/>
      <c r="M83" s="122"/>
      <c r="N83" s="120"/>
      <c r="O83" s="136"/>
      <c r="P83" s="136"/>
      <c r="Q83" s="122"/>
      <c r="R83" s="120"/>
      <c r="S83" s="136"/>
      <c r="T83" s="136"/>
      <c r="U83" s="122"/>
      <c r="V83" s="120"/>
      <c r="W83" s="136"/>
      <c r="X83" s="136"/>
      <c r="Y83" s="122"/>
      <c r="Z83" s="120"/>
      <c r="AA83" s="136"/>
      <c r="AB83" s="136"/>
      <c r="AC83" s="122"/>
      <c r="AD83" s="120"/>
      <c r="AE83" s="136"/>
      <c r="AF83" s="136"/>
      <c r="AG83" s="122"/>
      <c r="AH83" s="120"/>
      <c r="AI83" s="136"/>
      <c r="AJ83" s="136"/>
      <c r="AK83" s="122"/>
      <c r="AL83" s="120"/>
      <c r="AM83" s="136"/>
      <c r="AN83" s="136"/>
      <c r="AO83" s="122"/>
    </row>
    <row r="84" spans="1:41">
      <c r="A84" s="116"/>
      <c r="B84" s="126" t="s">
        <v>17</v>
      </c>
      <c r="C84" s="139" t="s">
        <v>16</v>
      </c>
      <c r="D84" s="154"/>
      <c r="E84" s="117" t="s">
        <v>11</v>
      </c>
      <c r="F84" s="100">
        <v>3.6</v>
      </c>
      <c r="G84" s="122"/>
      <c r="H84" s="129"/>
      <c r="I84" s="122"/>
      <c r="J84" s="120"/>
      <c r="K84" s="136"/>
      <c r="L84" s="121"/>
      <c r="M84" s="122"/>
      <c r="N84" s="120"/>
      <c r="O84" s="136"/>
      <c r="P84" s="121"/>
      <c r="Q84" s="122"/>
      <c r="R84" s="120"/>
      <c r="S84" s="136"/>
      <c r="T84" s="121"/>
      <c r="U84" s="122"/>
      <c r="V84" s="120"/>
      <c r="W84" s="136"/>
      <c r="X84" s="121"/>
      <c r="Y84" s="122"/>
      <c r="Z84" s="120"/>
      <c r="AA84" s="136"/>
      <c r="AB84" s="121"/>
      <c r="AC84" s="122"/>
      <c r="AD84" s="120"/>
      <c r="AE84" s="136"/>
      <c r="AF84" s="121"/>
      <c r="AG84" s="122"/>
      <c r="AH84" s="120"/>
      <c r="AI84" s="136"/>
      <c r="AJ84" s="121"/>
      <c r="AK84" s="122"/>
      <c r="AL84" s="120"/>
      <c r="AM84" s="136"/>
      <c r="AN84" s="121"/>
      <c r="AO84" s="122"/>
    </row>
    <row r="85" spans="1:41">
      <c r="A85" s="116"/>
      <c r="B85" s="128"/>
      <c r="C85" s="157"/>
      <c r="D85" s="158"/>
      <c r="E85" s="117" t="s">
        <v>12</v>
      </c>
      <c r="F85" s="159"/>
      <c r="G85" s="122"/>
      <c r="H85" s="129"/>
      <c r="I85" s="122"/>
      <c r="J85" s="120"/>
      <c r="K85" s="136"/>
      <c r="L85" s="136"/>
      <c r="M85" s="122"/>
      <c r="N85" s="120"/>
      <c r="O85" s="136"/>
      <c r="P85" s="136"/>
      <c r="Q85" s="122"/>
      <c r="R85" s="120"/>
      <c r="S85" s="136"/>
      <c r="T85" s="136"/>
      <c r="U85" s="122"/>
      <c r="V85" s="120"/>
      <c r="W85" s="136"/>
      <c r="X85" s="136"/>
      <c r="Y85" s="122"/>
      <c r="Z85" s="120"/>
      <c r="AA85" s="136"/>
      <c r="AB85" s="136"/>
      <c r="AC85" s="122"/>
      <c r="AD85" s="120"/>
      <c r="AE85" s="136"/>
      <c r="AF85" s="136"/>
      <c r="AG85" s="122"/>
      <c r="AH85" s="120"/>
      <c r="AI85" s="136"/>
      <c r="AJ85" s="136"/>
      <c r="AK85" s="122"/>
      <c r="AL85" s="120"/>
      <c r="AM85" s="136"/>
      <c r="AN85" s="136"/>
      <c r="AO85" s="122"/>
    </row>
    <row r="86" spans="1:41">
      <c r="A86" s="116"/>
      <c r="B86" s="128"/>
      <c r="C86" s="135" t="s">
        <v>15</v>
      </c>
      <c r="D86" s="160"/>
      <c r="E86" s="117" t="s">
        <v>11</v>
      </c>
      <c r="F86" s="100">
        <v>3.6</v>
      </c>
      <c r="G86" s="122"/>
      <c r="H86" s="129"/>
      <c r="I86" s="122"/>
      <c r="J86" s="120"/>
      <c r="K86" s="136"/>
      <c r="L86" s="121"/>
      <c r="M86" s="122"/>
      <c r="N86" s="120"/>
      <c r="O86" s="136"/>
      <c r="P86" s="121"/>
      <c r="Q86" s="122"/>
      <c r="R86" s="120"/>
      <c r="S86" s="136"/>
      <c r="T86" s="121"/>
      <c r="U86" s="122"/>
      <c r="V86" s="120"/>
      <c r="W86" s="136"/>
      <c r="X86" s="121"/>
      <c r="Y86" s="122"/>
      <c r="Z86" s="120"/>
      <c r="AA86" s="136"/>
      <c r="AB86" s="121"/>
      <c r="AC86" s="122"/>
      <c r="AD86" s="120"/>
      <c r="AE86" s="136"/>
      <c r="AF86" s="121"/>
      <c r="AG86" s="122"/>
      <c r="AH86" s="120"/>
      <c r="AI86" s="136"/>
      <c r="AJ86" s="121"/>
      <c r="AK86" s="122"/>
      <c r="AL86" s="120"/>
      <c r="AM86" s="136"/>
      <c r="AN86" s="121"/>
      <c r="AO86" s="122"/>
    </row>
    <row r="87" spans="1:41">
      <c r="A87" s="116"/>
      <c r="B87" s="128"/>
      <c r="C87" s="161"/>
      <c r="D87" s="162"/>
      <c r="E87" s="117" t="s">
        <v>12</v>
      </c>
      <c r="F87" s="159"/>
      <c r="G87" s="122"/>
      <c r="H87" s="129"/>
      <c r="I87" s="122"/>
      <c r="J87" s="120"/>
      <c r="K87" s="136"/>
      <c r="L87" s="136"/>
      <c r="M87" s="122"/>
      <c r="N87" s="120"/>
      <c r="O87" s="136"/>
      <c r="P87" s="136"/>
      <c r="Q87" s="122"/>
      <c r="R87" s="120"/>
      <c r="S87" s="136"/>
      <c r="T87" s="136"/>
      <c r="U87" s="122"/>
      <c r="V87" s="120"/>
      <c r="W87" s="136"/>
      <c r="X87" s="136"/>
      <c r="Y87" s="122"/>
      <c r="Z87" s="120"/>
      <c r="AA87" s="136"/>
      <c r="AB87" s="136"/>
      <c r="AC87" s="122"/>
      <c r="AD87" s="120"/>
      <c r="AE87" s="136"/>
      <c r="AF87" s="136"/>
      <c r="AG87" s="122"/>
      <c r="AH87" s="120"/>
      <c r="AI87" s="136"/>
      <c r="AJ87" s="136"/>
      <c r="AK87" s="122"/>
      <c r="AL87" s="120"/>
      <c r="AM87" s="136"/>
      <c r="AN87" s="136"/>
      <c r="AO87" s="122"/>
    </row>
    <row r="88" spans="1:41">
      <c r="A88" s="116"/>
      <c r="B88" s="128"/>
      <c r="C88" s="135" t="s">
        <v>14</v>
      </c>
      <c r="D88" s="160"/>
      <c r="E88" s="117" t="s">
        <v>11</v>
      </c>
      <c r="F88" s="100">
        <v>3.6</v>
      </c>
      <c r="G88" s="122"/>
      <c r="H88" s="129"/>
      <c r="I88" s="122"/>
      <c r="J88" s="120"/>
      <c r="K88" s="136"/>
      <c r="L88" s="121"/>
      <c r="M88" s="122"/>
      <c r="N88" s="120"/>
      <c r="O88" s="136"/>
      <c r="P88" s="121"/>
      <c r="Q88" s="122"/>
      <c r="R88" s="120"/>
      <c r="S88" s="136"/>
      <c r="T88" s="121"/>
      <c r="U88" s="122"/>
      <c r="V88" s="120"/>
      <c r="W88" s="136"/>
      <c r="X88" s="121"/>
      <c r="Y88" s="122"/>
      <c r="Z88" s="120"/>
      <c r="AA88" s="136"/>
      <c r="AB88" s="121"/>
      <c r="AC88" s="122"/>
      <c r="AD88" s="120"/>
      <c r="AE88" s="136"/>
      <c r="AF88" s="121"/>
      <c r="AG88" s="122"/>
      <c r="AH88" s="120"/>
      <c r="AI88" s="136"/>
      <c r="AJ88" s="121"/>
      <c r="AK88" s="122"/>
      <c r="AL88" s="120"/>
      <c r="AM88" s="136"/>
      <c r="AN88" s="121"/>
      <c r="AO88" s="122"/>
    </row>
    <row r="89" spans="1:41">
      <c r="A89" s="116"/>
      <c r="B89" s="128"/>
      <c r="C89" s="161"/>
      <c r="D89" s="162"/>
      <c r="E89" s="117" t="s">
        <v>12</v>
      </c>
      <c r="F89" s="159"/>
      <c r="G89" s="122"/>
      <c r="H89" s="129"/>
      <c r="I89" s="122"/>
      <c r="J89" s="120"/>
      <c r="K89" s="136"/>
      <c r="L89" s="136"/>
      <c r="M89" s="122"/>
      <c r="N89" s="120"/>
      <c r="O89" s="136"/>
      <c r="P89" s="136"/>
      <c r="Q89" s="122"/>
      <c r="R89" s="120"/>
      <c r="S89" s="136"/>
      <c r="T89" s="136"/>
      <c r="U89" s="122"/>
      <c r="V89" s="120"/>
      <c r="W89" s="136"/>
      <c r="X89" s="136"/>
      <c r="Y89" s="122"/>
      <c r="Z89" s="120"/>
      <c r="AA89" s="136"/>
      <c r="AB89" s="136"/>
      <c r="AC89" s="122"/>
      <c r="AD89" s="120"/>
      <c r="AE89" s="136"/>
      <c r="AF89" s="136"/>
      <c r="AG89" s="122"/>
      <c r="AH89" s="120"/>
      <c r="AI89" s="136"/>
      <c r="AJ89" s="136"/>
      <c r="AK89" s="122"/>
      <c r="AL89" s="120"/>
      <c r="AM89" s="136"/>
      <c r="AN89" s="136"/>
      <c r="AO89" s="122"/>
    </row>
    <row r="90" spans="1:41">
      <c r="A90" s="116"/>
      <c r="B90" s="128"/>
      <c r="C90" s="135" t="s">
        <v>13</v>
      </c>
      <c r="D90" s="160"/>
      <c r="E90" s="117" t="s">
        <v>11</v>
      </c>
      <c r="F90" s="100">
        <v>3.6</v>
      </c>
      <c r="G90" s="122"/>
      <c r="H90" s="129"/>
      <c r="I90" s="122"/>
      <c r="J90" s="120"/>
      <c r="K90" s="136"/>
      <c r="L90" s="121"/>
      <c r="M90" s="122"/>
      <c r="N90" s="120"/>
      <c r="O90" s="136"/>
      <c r="P90" s="121"/>
      <c r="Q90" s="122"/>
      <c r="R90" s="120"/>
      <c r="S90" s="136"/>
      <c r="T90" s="121"/>
      <c r="U90" s="122"/>
      <c r="V90" s="120"/>
      <c r="W90" s="136"/>
      <c r="X90" s="121"/>
      <c r="Y90" s="122"/>
      <c r="Z90" s="120"/>
      <c r="AA90" s="136"/>
      <c r="AB90" s="121"/>
      <c r="AC90" s="122"/>
      <c r="AD90" s="120"/>
      <c r="AE90" s="136"/>
      <c r="AF90" s="121"/>
      <c r="AG90" s="122"/>
      <c r="AH90" s="120"/>
      <c r="AI90" s="136"/>
      <c r="AJ90" s="121"/>
      <c r="AK90" s="122"/>
      <c r="AL90" s="120"/>
      <c r="AM90" s="136"/>
      <c r="AN90" s="121"/>
      <c r="AO90" s="122"/>
    </row>
    <row r="91" spans="1:41">
      <c r="A91" s="116"/>
      <c r="B91" s="127"/>
      <c r="C91" s="161"/>
      <c r="D91" s="162"/>
      <c r="E91" s="117" t="s">
        <v>12</v>
      </c>
      <c r="F91" s="159"/>
      <c r="G91" s="122"/>
      <c r="H91" s="129"/>
      <c r="I91" s="122"/>
      <c r="J91" s="120"/>
      <c r="K91" s="136"/>
      <c r="L91" s="136"/>
      <c r="M91" s="122"/>
      <c r="N91" s="120"/>
      <c r="O91" s="136"/>
      <c r="P91" s="136"/>
      <c r="Q91" s="122"/>
      <c r="R91" s="120"/>
      <c r="S91" s="136"/>
      <c r="T91" s="136"/>
      <c r="U91" s="122"/>
      <c r="V91" s="120"/>
      <c r="W91" s="136"/>
      <c r="X91" s="136"/>
      <c r="Y91" s="122"/>
      <c r="Z91" s="120"/>
      <c r="AA91" s="136"/>
      <c r="AB91" s="136"/>
      <c r="AC91" s="122"/>
      <c r="AD91" s="120"/>
      <c r="AE91" s="136"/>
      <c r="AF91" s="136"/>
      <c r="AG91" s="122"/>
      <c r="AH91" s="120"/>
      <c r="AI91" s="136"/>
      <c r="AJ91" s="136"/>
      <c r="AK91" s="122"/>
      <c r="AL91" s="120"/>
      <c r="AM91" s="136"/>
      <c r="AN91" s="136"/>
      <c r="AO91" s="122"/>
    </row>
    <row r="92" spans="1:41" ht="42.75">
      <c r="A92" s="116"/>
      <c r="B92" s="248" t="s">
        <v>322</v>
      </c>
      <c r="C92" s="250"/>
      <c r="D92" s="154"/>
      <c r="E92" s="117" t="s">
        <v>11</v>
      </c>
      <c r="F92" s="120"/>
      <c r="G92" s="132"/>
      <c r="H92" s="129"/>
      <c r="I92" s="122"/>
      <c r="J92" s="120"/>
      <c r="K92" s="136"/>
      <c r="L92" s="121"/>
      <c r="M92" s="122"/>
      <c r="N92" s="120"/>
      <c r="O92" s="136"/>
      <c r="P92" s="121"/>
      <c r="Q92" s="122"/>
      <c r="R92" s="120"/>
      <c r="S92" s="136"/>
      <c r="T92" s="121"/>
      <c r="U92" s="122"/>
      <c r="V92" s="120"/>
      <c r="W92" s="136"/>
      <c r="X92" s="121"/>
      <c r="Y92" s="122"/>
      <c r="Z92" s="120"/>
      <c r="AA92" s="136"/>
      <c r="AB92" s="121"/>
      <c r="AC92" s="122"/>
      <c r="AD92" s="120"/>
      <c r="AE92" s="136"/>
      <c r="AF92" s="121"/>
      <c r="AG92" s="122"/>
      <c r="AH92" s="120"/>
      <c r="AI92" s="136"/>
      <c r="AJ92" s="121"/>
      <c r="AK92" s="122"/>
      <c r="AL92" s="120"/>
      <c r="AM92" s="136"/>
      <c r="AN92" s="121"/>
      <c r="AO92" s="122"/>
    </row>
    <row r="93" spans="1:41">
      <c r="A93" s="116"/>
      <c r="B93" s="249"/>
      <c r="C93" s="157"/>
      <c r="D93" s="158"/>
      <c r="E93" s="117" t="s">
        <v>12</v>
      </c>
      <c r="F93" s="120"/>
      <c r="G93" s="132"/>
      <c r="H93" s="129"/>
      <c r="I93" s="122"/>
      <c r="J93" s="120"/>
      <c r="K93" s="136"/>
      <c r="L93" s="136"/>
      <c r="M93" s="122"/>
      <c r="N93" s="120"/>
      <c r="O93" s="136"/>
      <c r="P93" s="136"/>
      <c r="Q93" s="122"/>
      <c r="R93" s="120"/>
      <c r="S93" s="136"/>
      <c r="T93" s="136"/>
      <c r="U93" s="122"/>
      <c r="V93" s="120"/>
      <c r="W93" s="136"/>
      <c r="X93" s="136"/>
      <c r="Y93" s="122"/>
      <c r="Z93" s="120"/>
      <c r="AA93" s="136"/>
      <c r="AB93" s="136"/>
      <c r="AC93" s="122"/>
      <c r="AD93" s="120"/>
      <c r="AE93" s="136"/>
      <c r="AF93" s="136"/>
      <c r="AG93" s="122"/>
      <c r="AH93" s="120"/>
      <c r="AI93" s="136"/>
      <c r="AJ93" s="136"/>
      <c r="AK93" s="122"/>
      <c r="AL93" s="120"/>
      <c r="AM93" s="136"/>
      <c r="AN93" s="136"/>
      <c r="AO93" s="122"/>
    </row>
    <row r="94" spans="1:41" ht="42.75">
      <c r="A94" s="116"/>
      <c r="B94" s="248" t="s">
        <v>323</v>
      </c>
      <c r="C94" s="250"/>
      <c r="D94" s="154"/>
      <c r="E94" s="117" t="s">
        <v>11</v>
      </c>
      <c r="F94" s="120"/>
      <c r="G94" s="132"/>
      <c r="H94" s="129"/>
      <c r="I94" s="122"/>
      <c r="J94" s="120"/>
      <c r="K94" s="136"/>
      <c r="L94" s="121"/>
      <c r="M94" s="122"/>
      <c r="N94" s="120"/>
      <c r="O94" s="136"/>
      <c r="P94" s="121"/>
      <c r="Q94" s="122"/>
      <c r="R94" s="120"/>
      <c r="S94" s="136"/>
      <c r="T94" s="121"/>
      <c r="U94" s="122"/>
      <c r="V94" s="120"/>
      <c r="W94" s="136"/>
      <c r="X94" s="121"/>
      <c r="Y94" s="122"/>
      <c r="Z94" s="120"/>
      <c r="AA94" s="136"/>
      <c r="AB94" s="121"/>
      <c r="AC94" s="122"/>
      <c r="AD94" s="120"/>
      <c r="AE94" s="136"/>
      <c r="AF94" s="121"/>
      <c r="AG94" s="122"/>
      <c r="AH94" s="120"/>
      <c r="AI94" s="136"/>
      <c r="AJ94" s="121"/>
      <c r="AK94" s="122"/>
      <c r="AL94" s="120"/>
      <c r="AM94" s="136"/>
      <c r="AN94" s="121"/>
      <c r="AO94" s="122"/>
    </row>
    <row r="95" spans="1:41">
      <c r="A95" s="116"/>
      <c r="B95" s="127"/>
      <c r="C95" s="157"/>
      <c r="D95" s="158"/>
      <c r="E95" s="117" t="s">
        <v>12</v>
      </c>
      <c r="F95" s="120"/>
      <c r="G95" s="132"/>
      <c r="H95" s="129"/>
      <c r="I95" s="122"/>
      <c r="J95" s="120"/>
      <c r="K95" s="136"/>
      <c r="L95" s="136"/>
      <c r="M95" s="122"/>
      <c r="N95" s="120"/>
      <c r="O95" s="136"/>
      <c r="P95" s="136"/>
      <c r="Q95" s="122"/>
      <c r="R95" s="120"/>
      <c r="S95" s="136"/>
      <c r="T95" s="136"/>
      <c r="U95" s="122"/>
      <c r="V95" s="120"/>
      <c r="W95" s="136"/>
      <c r="X95" s="136"/>
      <c r="Y95" s="122"/>
      <c r="Z95" s="120"/>
      <c r="AA95" s="136"/>
      <c r="AB95" s="136"/>
      <c r="AC95" s="122"/>
      <c r="AD95" s="120"/>
      <c r="AE95" s="136"/>
      <c r="AF95" s="136"/>
      <c r="AG95" s="122"/>
      <c r="AH95" s="120"/>
      <c r="AI95" s="136"/>
      <c r="AJ95" s="136"/>
      <c r="AK95" s="122"/>
      <c r="AL95" s="120"/>
      <c r="AM95" s="136"/>
      <c r="AN95" s="136"/>
      <c r="AO95" s="122"/>
    </row>
    <row r="96" spans="1:41" ht="28.5">
      <c r="A96" s="116"/>
      <c r="B96" s="98" t="s">
        <v>96</v>
      </c>
      <c r="C96" s="117" t="s">
        <v>98</v>
      </c>
      <c r="D96" s="263"/>
      <c r="E96" s="117" t="s">
        <v>11</v>
      </c>
      <c r="F96" s="123">
        <v>8.64</v>
      </c>
      <c r="G96" s="132"/>
      <c r="H96" s="129"/>
      <c r="I96" s="122"/>
      <c r="J96" s="120"/>
      <c r="K96" s="136"/>
      <c r="L96" s="121"/>
      <c r="M96" s="122"/>
      <c r="N96" s="120"/>
      <c r="O96" s="136"/>
      <c r="P96" s="121"/>
      <c r="Q96" s="122"/>
      <c r="R96" s="120"/>
      <c r="S96" s="136"/>
      <c r="T96" s="121"/>
      <c r="U96" s="122"/>
      <c r="V96" s="120"/>
      <c r="W96" s="136"/>
      <c r="X96" s="121"/>
      <c r="Y96" s="122"/>
      <c r="Z96" s="120"/>
      <c r="AA96" s="136"/>
      <c r="AB96" s="121"/>
      <c r="AC96" s="122"/>
      <c r="AD96" s="120"/>
      <c r="AE96" s="136"/>
      <c r="AF96" s="121"/>
      <c r="AG96" s="122"/>
      <c r="AH96" s="120"/>
      <c r="AI96" s="136"/>
      <c r="AJ96" s="121"/>
      <c r="AK96" s="122"/>
      <c r="AL96" s="120"/>
      <c r="AM96" s="136"/>
      <c r="AN96" s="121"/>
      <c r="AO96" s="122"/>
    </row>
    <row r="97" spans="1:41">
      <c r="A97" s="116"/>
      <c r="B97" s="127"/>
      <c r="C97" s="117" t="s">
        <v>99</v>
      </c>
      <c r="D97" s="263"/>
      <c r="E97" s="117" t="s">
        <v>11</v>
      </c>
      <c r="F97" s="123">
        <v>8.64</v>
      </c>
      <c r="G97" s="132"/>
      <c r="H97" s="129"/>
      <c r="I97" s="122"/>
      <c r="J97" s="120"/>
      <c r="K97" s="136"/>
      <c r="L97" s="121"/>
      <c r="M97" s="122"/>
      <c r="N97" s="120"/>
      <c r="O97" s="136"/>
      <c r="P97" s="121"/>
      <c r="Q97" s="122"/>
      <c r="R97" s="120"/>
      <c r="S97" s="136"/>
      <c r="T97" s="121"/>
      <c r="U97" s="122"/>
      <c r="V97" s="120"/>
      <c r="W97" s="136"/>
      <c r="X97" s="121"/>
      <c r="Y97" s="122"/>
      <c r="Z97" s="120"/>
      <c r="AA97" s="136"/>
      <c r="AB97" s="121"/>
      <c r="AC97" s="122"/>
      <c r="AD97" s="120"/>
      <c r="AE97" s="136"/>
      <c r="AF97" s="121"/>
      <c r="AG97" s="122"/>
      <c r="AH97" s="120"/>
      <c r="AI97" s="136"/>
      <c r="AJ97" s="121"/>
      <c r="AK97" s="122"/>
      <c r="AL97" s="120"/>
      <c r="AM97" s="136"/>
      <c r="AN97" s="121"/>
      <c r="AO97" s="122"/>
    </row>
    <row r="98" spans="1:41" ht="28.5">
      <c r="A98" s="116"/>
      <c r="B98" s="98" t="s">
        <v>97</v>
      </c>
      <c r="C98" s="117" t="s">
        <v>98</v>
      </c>
      <c r="D98" s="263"/>
      <c r="E98" s="117" t="s">
        <v>11</v>
      </c>
      <c r="F98" s="123">
        <v>8.64</v>
      </c>
      <c r="G98" s="132"/>
      <c r="H98" s="129"/>
      <c r="I98" s="122"/>
      <c r="J98" s="120"/>
      <c r="K98" s="136"/>
      <c r="L98" s="121"/>
      <c r="M98" s="122"/>
      <c r="N98" s="120"/>
      <c r="O98" s="136"/>
      <c r="P98" s="121"/>
      <c r="Q98" s="122"/>
      <c r="R98" s="120"/>
      <c r="S98" s="136"/>
      <c r="T98" s="121"/>
      <c r="U98" s="122"/>
      <c r="V98" s="120"/>
      <c r="W98" s="136"/>
      <c r="X98" s="121"/>
      <c r="Y98" s="122"/>
      <c r="Z98" s="120"/>
      <c r="AA98" s="136"/>
      <c r="AB98" s="121"/>
      <c r="AC98" s="122"/>
      <c r="AD98" s="120"/>
      <c r="AE98" s="136"/>
      <c r="AF98" s="121"/>
      <c r="AG98" s="122"/>
      <c r="AH98" s="120"/>
      <c r="AI98" s="136"/>
      <c r="AJ98" s="121"/>
      <c r="AK98" s="122"/>
      <c r="AL98" s="120"/>
      <c r="AM98" s="136"/>
      <c r="AN98" s="121"/>
      <c r="AO98" s="122"/>
    </row>
    <row r="99" spans="1:41" ht="15" thickBot="1">
      <c r="A99" s="149"/>
      <c r="B99" s="150"/>
      <c r="C99" s="163" t="s">
        <v>99</v>
      </c>
      <c r="D99" s="263"/>
      <c r="E99" s="163" t="s">
        <v>11</v>
      </c>
      <c r="F99" s="224">
        <v>8.64</v>
      </c>
      <c r="G99" s="164"/>
      <c r="H99" s="225"/>
      <c r="I99" s="168"/>
      <c r="J99" s="165"/>
      <c r="K99" s="166"/>
      <c r="L99" s="167"/>
      <c r="M99" s="168"/>
      <c r="N99" s="165"/>
      <c r="O99" s="166"/>
      <c r="P99" s="167"/>
      <c r="Q99" s="168"/>
      <c r="R99" s="165"/>
      <c r="S99" s="166"/>
      <c r="T99" s="167"/>
      <c r="U99" s="168"/>
      <c r="V99" s="165"/>
      <c r="W99" s="166"/>
      <c r="X99" s="167"/>
      <c r="Y99" s="168"/>
      <c r="Z99" s="165"/>
      <c r="AA99" s="166"/>
      <c r="AB99" s="167"/>
      <c r="AC99" s="168"/>
      <c r="AD99" s="165"/>
      <c r="AE99" s="166"/>
      <c r="AF99" s="167"/>
      <c r="AG99" s="168"/>
      <c r="AH99" s="165"/>
      <c r="AI99" s="166"/>
      <c r="AJ99" s="167"/>
      <c r="AK99" s="168"/>
      <c r="AL99" s="165"/>
      <c r="AM99" s="166"/>
      <c r="AN99" s="167"/>
      <c r="AO99" s="168"/>
    </row>
    <row r="100" spans="1:41">
      <c r="A100" s="109" t="s">
        <v>10</v>
      </c>
      <c r="B100" s="151" t="s">
        <v>150</v>
      </c>
      <c r="C100" s="255"/>
      <c r="D100" s="94"/>
      <c r="E100" s="94"/>
      <c r="F100" s="91"/>
      <c r="G100" s="92"/>
      <c r="H100" s="230"/>
      <c r="I100" s="231"/>
      <c r="J100" s="113"/>
      <c r="K100" s="169"/>
      <c r="L100" s="170"/>
      <c r="M100" s="171"/>
      <c r="N100" s="113"/>
      <c r="O100" s="169"/>
      <c r="P100" s="170"/>
      <c r="Q100" s="171"/>
      <c r="R100" s="113"/>
      <c r="S100" s="169"/>
      <c r="T100" s="170"/>
      <c r="U100" s="171"/>
      <c r="V100" s="113"/>
      <c r="W100" s="169"/>
      <c r="X100" s="170"/>
      <c r="Y100" s="171"/>
      <c r="Z100" s="113"/>
      <c r="AA100" s="169"/>
      <c r="AB100" s="170"/>
      <c r="AC100" s="171"/>
      <c r="AD100" s="113"/>
      <c r="AE100" s="169"/>
      <c r="AF100" s="170"/>
      <c r="AG100" s="171"/>
      <c r="AH100" s="113"/>
      <c r="AI100" s="169"/>
      <c r="AJ100" s="170"/>
      <c r="AK100" s="171"/>
      <c r="AL100" s="113"/>
      <c r="AM100" s="169"/>
      <c r="AN100" s="170"/>
      <c r="AO100" s="171"/>
    </row>
    <row r="101" spans="1:41">
      <c r="A101" s="116"/>
      <c r="B101" s="117" t="s">
        <v>151</v>
      </c>
      <c r="C101" s="172"/>
      <c r="D101" s="42"/>
      <c r="E101" s="42"/>
      <c r="F101" s="42"/>
      <c r="G101" s="43"/>
      <c r="H101" s="232"/>
      <c r="I101" s="233"/>
      <c r="J101" s="120"/>
      <c r="K101" s="173"/>
      <c r="L101" s="174"/>
      <c r="M101" s="175"/>
      <c r="N101" s="120"/>
      <c r="O101" s="173"/>
      <c r="P101" s="174"/>
      <c r="Q101" s="175"/>
      <c r="R101" s="120"/>
      <c r="S101" s="173"/>
      <c r="T101" s="174"/>
      <c r="U101" s="175"/>
      <c r="V101" s="120"/>
      <c r="W101" s="173"/>
      <c r="X101" s="174"/>
      <c r="Y101" s="175"/>
      <c r="Z101" s="120"/>
      <c r="AA101" s="173"/>
      <c r="AB101" s="174"/>
      <c r="AC101" s="175"/>
      <c r="AD101" s="120"/>
      <c r="AE101" s="173"/>
      <c r="AF101" s="174"/>
      <c r="AG101" s="175"/>
      <c r="AH101" s="120"/>
      <c r="AI101" s="173"/>
      <c r="AJ101" s="174"/>
      <c r="AK101" s="175"/>
      <c r="AL101" s="120"/>
      <c r="AM101" s="173"/>
      <c r="AN101" s="174"/>
      <c r="AO101" s="175"/>
    </row>
    <row r="102" spans="1:41" ht="15" thickBot="1">
      <c r="A102" s="149"/>
      <c r="B102" s="176" t="s">
        <v>152</v>
      </c>
      <c r="C102" s="256"/>
      <c r="D102" s="177"/>
      <c r="E102" s="177"/>
      <c r="F102" s="108"/>
      <c r="G102" s="102"/>
      <c r="H102" s="234"/>
      <c r="I102" s="235"/>
      <c r="J102" s="165"/>
      <c r="K102" s="178"/>
      <c r="L102" s="179"/>
      <c r="M102" s="180"/>
      <c r="N102" s="165"/>
      <c r="O102" s="178"/>
      <c r="P102" s="179"/>
      <c r="Q102" s="180"/>
      <c r="R102" s="165"/>
      <c r="S102" s="178"/>
      <c r="T102" s="179"/>
      <c r="U102" s="180"/>
      <c r="V102" s="165"/>
      <c r="W102" s="178"/>
      <c r="X102" s="179"/>
      <c r="Y102" s="180"/>
      <c r="Z102" s="165"/>
      <c r="AA102" s="178"/>
      <c r="AB102" s="179"/>
      <c r="AC102" s="180"/>
      <c r="AD102" s="165"/>
      <c r="AE102" s="178"/>
      <c r="AF102" s="179"/>
      <c r="AG102" s="180"/>
      <c r="AH102" s="165"/>
      <c r="AI102" s="178"/>
      <c r="AJ102" s="179"/>
      <c r="AK102" s="180"/>
      <c r="AL102" s="165"/>
      <c r="AM102" s="178"/>
      <c r="AN102" s="179"/>
      <c r="AO102" s="180"/>
    </row>
    <row r="103" spans="1:41" ht="15" thickBot="1">
      <c r="A103" s="181" t="s">
        <v>210</v>
      </c>
      <c r="B103" s="101" t="s">
        <v>118</v>
      </c>
      <c r="C103" s="101" t="s">
        <v>126</v>
      </c>
      <c r="D103" s="101" t="s">
        <v>117</v>
      </c>
      <c r="E103" s="182" t="s">
        <v>115</v>
      </c>
      <c r="F103" s="182" t="s">
        <v>127</v>
      </c>
      <c r="G103" s="183" t="s">
        <v>128</v>
      </c>
      <c r="H103" s="236" t="s">
        <v>66</v>
      </c>
      <c r="I103" s="237" t="s">
        <v>66</v>
      </c>
      <c r="J103" s="50" t="s">
        <v>119</v>
      </c>
      <c r="K103" s="184" t="s">
        <v>100</v>
      </c>
      <c r="L103" s="184" t="s">
        <v>101</v>
      </c>
      <c r="M103" s="47" t="s">
        <v>102</v>
      </c>
      <c r="N103" s="50" t="s">
        <v>119</v>
      </c>
      <c r="O103" s="184" t="s">
        <v>100</v>
      </c>
      <c r="P103" s="184" t="s">
        <v>101</v>
      </c>
      <c r="Q103" s="47" t="s">
        <v>102</v>
      </c>
      <c r="R103" s="50" t="s">
        <v>119</v>
      </c>
      <c r="S103" s="184" t="s">
        <v>100</v>
      </c>
      <c r="T103" s="184" t="s">
        <v>101</v>
      </c>
      <c r="U103" s="47" t="s">
        <v>102</v>
      </c>
      <c r="V103" s="50" t="s">
        <v>119</v>
      </c>
      <c r="W103" s="184" t="s">
        <v>100</v>
      </c>
      <c r="X103" s="184" t="s">
        <v>101</v>
      </c>
      <c r="Y103" s="47" t="s">
        <v>102</v>
      </c>
      <c r="Z103" s="50" t="s">
        <v>119</v>
      </c>
      <c r="AA103" s="184" t="s">
        <v>100</v>
      </c>
      <c r="AB103" s="184" t="s">
        <v>101</v>
      </c>
      <c r="AC103" s="47" t="s">
        <v>102</v>
      </c>
      <c r="AD103" s="50" t="s">
        <v>119</v>
      </c>
      <c r="AE103" s="184" t="s">
        <v>100</v>
      </c>
      <c r="AF103" s="184" t="s">
        <v>101</v>
      </c>
      <c r="AG103" s="47" t="s">
        <v>102</v>
      </c>
      <c r="AH103" s="50" t="s">
        <v>119</v>
      </c>
      <c r="AI103" s="184" t="s">
        <v>100</v>
      </c>
      <c r="AJ103" s="184" t="s">
        <v>101</v>
      </c>
      <c r="AK103" s="47" t="s">
        <v>102</v>
      </c>
      <c r="AL103" s="50" t="s">
        <v>119</v>
      </c>
      <c r="AM103" s="184" t="s">
        <v>100</v>
      </c>
      <c r="AN103" s="184" t="s">
        <v>101</v>
      </c>
      <c r="AO103" s="47" t="s">
        <v>102</v>
      </c>
    </row>
    <row r="104" spans="1:41">
      <c r="A104" s="245" t="s">
        <v>265</v>
      </c>
      <c r="B104" s="51"/>
      <c r="C104" s="51"/>
      <c r="D104" s="51"/>
      <c r="E104" s="51"/>
      <c r="F104" s="52"/>
      <c r="G104" s="53"/>
      <c r="H104" s="230"/>
      <c r="I104" s="231"/>
      <c r="J104" s="185"/>
      <c r="K104" s="51"/>
      <c r="L104" s="51"/>
      <c r="M104" s="186"/>
      <c r="N104" s="185"/>
      <c r="O104" s="51"/>
      <c r="P104" s="51"/>
      <c r="Q104" s="186"/>
      <c r="R104" s="185"/>
      <c r="S104" s="51"/>
      <c r="T104" s="51"/>
      <c r="U104" s="186"/>
      <c r="V104" s="185"/>
      <c r="W104" s="51"/>
      <c r="X104" s="51"/>
      <c r="Y104" s="186"/>
      <c r="Z104" s="185"/>
      <c r="AA104" s="51"/>
      <c r="AB104" s="51"/>
      <c r="AC104" s="186"/>
      <c r="AD104" s="185"/>
      <c r="AE104" s="51"/>
      <c r="AF104" s="51"/>
      <c r="AG104" s="186"/>
      <c r="AH104" s="185"/>
      <c r="AI104" s="51"/>
      <c r="AJ104" s="51"/>
      <c r="AK104" s="186"/>
      <c r="AL104" s="185"/>
      <c r="AM104" s="51"/>
      <c r="AN104" s="51"/>
      <c r="AO104" s="186"/>
    </row>
    <row r="105" spans="1:41">
      <c r="A105" s="246" t="s">
        <v>266</v>
      </c>
      <c r="B105" s="54"/>
      <c r="C105" s="54"/>
      <c r="D105" s="54"/>
      <c r="E105" s="54"/>
      <c r="F105" s="55"/>
      <c r="G105" s="56"/>
      <c r="H105" s="232"/>
      <c r="I105" s="233"/>
      <c r="J105" s="187"/>
      <c r="K105" s="54"/>
      <c r="L105" s="54"/>
      <c r="M105" s="188"/>
      <c r="N105" s="187"/>
      <c r="O105" s="54"/>
      <c r="P105" s="54"/>
      <c r="Q105" s="188"/>
      <c r="R105" s="187"/>
      <c r="S105" s="54"/>
      <c r="T105" s="54"/>
      <c r="U105" s="188"/>
      <c r="V105" s="187"/>
      <c r="W105" s="54"/>
      <c r="X105" s="54"/>
      <c r="Y105" s="188"/>
      <c r="Z105" s="187"/>
      <c r="AA105" s="54"/>
      <c r="AB105" s="54"/>
      <c r="AC105" s="188"/>
      <c r="AD105" s="187"/>
      <c r="AE105" s="54"/>
      <c r="AF105" s="54"/>
      <c r="AG105" s="188"/>
      <c r="AH105" s="187"/>
      <c r="AI105" s="54"/>
      <c r="AJ105" s="54"/>
      <c r="AK105" s="188"/>
      <c r="AL105" s="187"/>
      <c r="AM105" s="54"/>
      <c r="AN105" s="54"/>
      <c r="AO105" s="188"/>
    </row>
    <row r="106" spans="1:41">
      <c r="A106" s="246" t="s">
        <v>267</v>
      </c>
      <c r="B106" s="54"/>
      <c r="C106" s="54"/>
      <c r="D106" s="54"/>
      <c r="E106" s="54"/>
      <c r="F106" s="55"/>
      <c r="G106" s="56"/>
      <c r="H106" s="232"/>
      <c r="I106" s="233"/>
      <c r="J106" s="187"/>
      <c r="K106" s="54"/>
      <c r="L106" s="54"/>
      <c r="M106" s="188"/>
      <c r="N106" s="187"/>
      <c r="O106" s="54"/>
      <c r="P106" s="54"/>
      <c r="Q106" s="188"/>
      <c r="R106" s="187"/>
      <c r="S106" s="54"/>
      <c r="T106" s="54"/>
      <c r="U106" s="188"/>
      <c r="V106" s="187"/>
      <c r="W106" s="54"/>
      <c r="X106" s="54"/>
      <c r="Y106" s="188"/>
      <c r="Z106" s="187"/>
      <c r="AA106" s="54"/>
      <c r="AB106" s="54"/>
      <c r="AC106" s="188"/>
      <c r="AD106" s="187"/>
      <c r="AE106" s="54"/>
      <c r="AF106" s="54"/>
      <c r="AG106" s="188"/>
      <c r="AH106" s="187"/>
      <c r="AI106" s="54"/>
      <c r="AJ106" s="54"/>
      <c r="AK106" s="188"/>
      <c r="AL106" s="187"/>
      <c r="AM106" s="54"/>
      <c r="AN106" s="54"/>
      <c r="AO106" s="188"/>
    </row>
    <row r="107" spans="1:41">
      <c r="A107" s="246" t="s">
        <v>268</v>
      </c>
      <c r="B107" s="54"/>
      <c r="C107" s="54"/>
      <c r="D107" s="54"/>
      <c r="E107" s="54"/>
      <c r="F107" s="55"/>
      <c r="G107" s="56"/>
      <c r="H107" s="232"/>
      <c r="I107" s="233"/>
      <c r="J107" s="187"/>
      <c r="K107" s="54"/>
      <c r="L107" s="54"/>
      <c r="M107" s="188"/>
      <c r="N107" s="187"/>
      <c r="O107" s="54"/>
      <c r="P107" s="54"/>
      <c r="Q107" s="188"/>
      <c r="R107" s="187"/>
      <c r="S107" s="54"/>
      <c r="T107" s="54"/>
      <c r="U107" s="188"/>
      <c r="V107" s="187"/>
      <c r="W107" s="54"/>
      <c r="X107" s="54"/>
      <c r="Y107" s="188"/>
      <c r="Z107" s="187"/>
      <c r="AA107" s="54"/>
      <c r="AB107" s="54"/>
      <c r="AC107" s="188"/>
      <c r="AD107" s="187"/>
      <c r="AE107" s="54"/>
      <c r="AF107" s="54"/>
      <c r="AG107" s="188"/>
      <c r="AH107" s="187"/>
      <c r="AI107" s="54"/>
      <c r="AJ107" s="54"/>
      <c r="AK107" s="188"/>
      <c r="AL107" s="187"/>
      <c r="AM107" s="54"/>
      <c r="AN107" s="54"/>
      <c r="AO107" s="188"/>
    </row>
    <row r="108" spans="1:41">
      <c r="A108" s="246" t="s">
        <v>269</v>
      </c>
      <c r="B108" s="54"/>
      <c r="C108" s="54"/>
      <c r="D108" s="54"/>
      <c r="E108" s="54"/>
      <c r="F108" s="55"/>
      <c r="G108" s="56"/>
      <c r="H108" s="238"/>
      <c r="I108" s="59"/>
      <c r="J108" s="187"/>
      <c r="K108" s="54"/>
      <c r="L108" s="54"/>
      <c r="M108" s="188"/>
      <c r="N108" s="187"/>
      <c r="O108" s="54"/>
      <c r="P108" s="54"/>
      <c r="Q108" s="188"/>
      <c r="R108" s="187"/>
      <c r="S108" s="54"/>
      <c r="T108" s="54"/>
      <c r="U108" s="188"/>
      <c r="V108" s="187"/>
      <c r="W108" s="54"/>
      <c r="X108" s="54"/>
      <c r="Y108" s="188"/>
      <c r="Z108" s="187"/>
      <c r="AA108" s="54"/>
      <c r="AB108" s="54"/>
      <c r="AC108" s="188"/>
      <c r="AD108" s="187"/>
      <c r="AE108" s="54"/>
      <c r="AF108" s="54"/>
      <c r="AG108" s="188"/>
      <c r="AH108" s="187"/>
      <c r="AI108" s="54"/>
      <c r="AJ108" s="54"/>
      <c r="AK108" s="188"/>
      <c r="AL108" s="187"/>
      <c r="AM108" s="54"/>
      <c r="AN108" s="54"/>
      <c r="AO108" s="188"/>
    </row>
    <row r="109" spans="1:41">
      <c r="A109" s="246" t="s">
        <v>270</v>
      </c>
      <c r="B109" s="74"/>
      <c r="C109" s="74"/>
      <c r="D109" s="74"/>
      <c r="E109" s="54"/>
      <c r="F109" s="55"/>
      <c r="G109" s="189"/>
      <c r="H109" s="239"/>
      <c r="I109" s="240"/>
      <c r="J109" s="190"/>
      <c r="K109" s="74"/>
      <c r="L109" s="74"/>
      <c r="M109" s="191"/>
      <c r="N109" s="190"/>
      <c r="O109" s="74"/>
      <c r="P109" s="74"/>
      <c r="Q109" s="191"/>
      <c r="R109" s="190"/>
      <c r="S109" s="74"/>
      <c r="T109" s="74"/>
      <c r="U109" s="191"/>
      <c r="V109" s="190"/>
      <c r="W109" s="74"/>
      <c r="X109" s="74"/>
      <c r="Y109" s="191"/>
      <c r="Z109" s="190"/>
      <c r="AA109" s="74"/>
      <c r="AB109" s="74"/>
      <c r="AC109" s="191"/>
      <c r="AD109" s="190"/>
      <c r="AE109" s="74"/>
      <c r="AF109" s="74"/>
      <c r="AG109" s="191"/>
      <c r="AH109" s="190"/>
      <c r="AI109" s="74"/>
      <c r="AJ109" s="74"/>
      <c r="AK109" s="191"/>
      <c r="AL109" s="190"/>
      <c r="AM109" s="74"/>
      <c r="AN109" s="74"/>
      <c r="AO109" s="191"/>
    </row>
    <row r="110" spans="1:41">
      <c r="A110" s="246" t="s">
        <v>271</v>
      </c>
      <c r="B110" s="54"/>
      <c r="C110" s="54"/>
      <c r="D110" s="54"/>
      <c r="E110" s="54"/>
      <c r="F110" s="55"/>
      <c r="G110" s="56"/>
      <c r="H110" s="232"/>
      <c r="I110" s="233"/>
      <c r="J110" s="187"/>
      <c r="K110" s="54"/>
      <c r="L110" s="54"/>
      <c r="M110" s="188"/>
      <c r="N110" s="187"/>
      <c r="O110" s="54"/>
      <c r="P110" s="54"/>
      <c r="Q110" s="188"/>
      <c r="R110" s="187"/>
      <c r="S110" s="54"/>
      <c r="T110" s="54"/>
      <c r="U110" s="188"/>
      <c r="V110" s="187"/>
      <c r="W110" s="54"/>
      <c r="X110" s="54"/>
      <c r="Y110" s="188"/>
      <c r="Z110" s="187"/>
      <c r="AA110" s="54"/>
      <c r="AB110" s="54"/>
      <c r="AC110" s="188"/>
      <c r="AD110" s="187"/>
      <c r="AE110" s="54"/>
      <c r="AF110" s="54"/>
      <c r="AG110" s="188"/>
      <c r="AH110" s="187"/>
      <c r="AI110" s="54"/>
      <c r="AJ110" s="54"/>
      <c r="AK110" s="188"/>
      <c r="AL110" s="187"/>
      <c r="AM110" s="54"/>
      <c r="AN110" s="54"/>
      <c r="AO110" s="188"/>
    </row>
    <row r="111" spans="1:41">
      <c r="A111" s="246" t="s">
        <v>272</v>
      </c>
      <c r="B111" s="54"/>
      <c r="C111" s="54"/>
      <c r="D111" s="54"/>
      <c r="E111" s="54"/>
      <c r="F111" s="55"/>
      <c r="G111" s="56"/>
      <c r="H111" s="232"/>
      <c r="I111" s="233"/>
      <c r="J111" s="187"/>
      <c r="K111" s="54"/>
      <c r="L111" s="54"/>
      <c r="M111" s="188"/>
      <c r="N111" s="187"/>
      <c r="O111" s="54"/>
      <c r="P111" s="54"/>
      <c r="Q111" s="188"/>
      <c r="R111" s="187"/>
      <c r="S111" s="54"/>
      <c r="T111" s="54"/>
      <c r="U111" s="188"/>
      <c r="V111" s="187"/>
      <c r="W111" s="54"/>
      <c r="X111" s="54"/>
      <c r="Y111" s="188"/>
      <c r="Z111" s="187"/>
      <c r="AA111" s="54"/>
      <c r="AB111" s="54"/>
      <c r="AC111" s="188"/>
      <c r="AD111" s="187"/>
      <c r="AE111" s="54"/>
      <c r="AF111" s="54"/>
      <c r="AG111" s="188"/>
      <c r="AH111" s="187"/>
      <c r="AI111" s="54"/>
      <c r="AJ111" s="54"/>
      <c r="AK111" s="188"/>
      <c r="AL111" s="187"/>
      <c r="AM111" s="54"/>
      <c r="AN111" s="54"/>
      <c r="AO111" s="188"/>
    </row>
    <row r="112" spans="1:41">
      <c r="A112" s="246" t="s">
        <v>273</v>
      </c>
      <c r="B112" s="54"/>
      <c r="C112" s="54"/>
      <c r="D112" s="54"/>
      <c r="E112" s="54"/>
      <c r="F112" s="55"/>
      <c r="G112" s="56"/>
      <c r="H112" s="232"/>
      <c r="I112" s="233"/>
      <c r="J112" s="187"/>
      <c r="K112" s="54"/>
      <c r="L112" s="54"/>
      <c r="M112" s="188"/>
      <c r="N112" s="187"/>
      <c r="O112" s="54"/>
      <c r="P112" s="54"/>
      <c r="Q112" s="188"/>
      <c r="R112" s="187"/>
      <c r="S112" s="54"/>
      <c r="T112" s="54"/>
      <c r="U112" s="188"/>
      <c r="V112" s="187"/>
      <c r="W112" s="54"/>
      <c r="X112" s="54"/>
      <c r="Y112" s="188"/>
      <c r="Z112" s="187"/>
      <c r="AA112" s="54"/>
      <c r="AB112" s="54"/>
      <c r="AC112" s="188"/>
      <c r="AD112" s="187"/>
      <c r="AE112" s="54"/>
      <c r="AF112" s="54"/>
      <c r="AG112" s="188"/>
      <c r="AH112" s="187"/>
      <c r="AI112" s="54"/>
      <c r="AJ112" s="54"/>
      <c r="AK112" s="188"/>
      <c r="AL112" s="187"/>
      <c r="AM112" s="54"/>
      <c r="AN112" s="54"/>
      <c r="AO112" s="188"/>
    </row>
    <row r="113" spans="1:41">
      <c r="A113" s="247" t="s">
        <v>274</v>
      </c>
      <c r="B113" s="54"/>
      <c r="C113" s="54"/>
      <c r="D113" s="54"/>
      <c r="E113" s="57"/>
      <c r="F113" s="58"/>
      <c r="G113" s="56"/>
      <c r="H113" s="232"/>
      <c r="I113" s="233"/>
      <c r="J113" s="187"/>
      <c r="K113" s="54"/>
      <c r="L113" s="54"/>
      <c r="M113" s="188"/>
      <c r="N113" s="187"/>
      <c r="O113" s="54"/>
      <c r="P113" s="54"/>
      <c r="Q113" s="188"/>
      <c r="R113" s="187"/>
      <c r="S113" s="54"/>
      <c r="T113" s="54"/>
      <c r="U113" s="188"/>
      <c r="V113" s="187"/>
      <c r="W113" s="54"/>
      <c r="X113" s="54"/>
      <c r="Y113" s="188"/>
      <c r="Z113" s="187"/>
      <c r="AA113" s="54"/>
      <c r="AB113" s="54"/>
      <c r="AC113" s="188"/>
      <c r="AD113" s="187"/>
      <c r="AE113" s="54"/>
      <c r="AF113" s="54"/>
      <c r="AG113" s="188"/>
      <c r="AH113" s="187"/>
      <c r="AI113" s="54"/>
      <c r="AJ113" s="54"/>
      <c r="AK113" s="188"/>
      <c r="AL113" s="187"/>
      <c r="AM113" s="54"/>
      <c r="AN113" s="54"/>
      <c r="AO113" s="188"/>
    </row>
    <row r="114" spans="1:41">
      <c r="A114" s="245" t="s">
        <v>275</v>
      </c>
      <c r="B114" s="51"/>
      <c r="C114" s="51"/>
      <c r="D114" s="51"/>
      <c r="E114" s="51"/>
      <c r="F114" s="51"/>
      <c r="G114" s="59"/>
      <c r="H114" s="232"/>
      <c r="I114" s="233"/>
      <c r="J114" s="185"/>
      <c r="K114" s="192"/>
      <c r="L114" s="51"/>
      <c r="M114" s="51"/>
      <c r="N114" s="185"/>
      <c r="O114" s="192"/>
      <c r="P114" s="51"/>
      <c r="Q114" s="51"/>
      <c r="R114" s="185"/>
      <c r="S114" s="192"/>
      <c r="T114" s="51"/>
      <c r="U114" s="51"/>
      <c r="V114" s="185"/>
      <c r="W114" s="192"/>
      <c r="X114" s="51"/>
      <c r="Y114" s="51"/>
      <c r="Z114" s="185"/>
      <c r="AA114" s="192"/>
      <c r="AB114" s="51"/>
      <c r="AC114" s="51"/>
      <c r="AD114" s="185"/>
      <c r="AE114" s="192"/>
      <c r="AF114" s="51"/>
      <c r="AG114" s="51"/>
      <c r="AH114" s="185"/>
      <c r="AI114" s="192"/>
      <c r="AJ114" s="51"/>
      <c r="AK114" s="51"/>
      <c r="AL114" s="185"/>
      <c r="AM114" s="192"/>
      <c r="AN114" s="51"/>
      <c r="AO114" s="51"/>
    </row>
    <row r="115" spans="1:41">
      <c r="A115" s="246" t="s">
        <v>276</v>
      </c>
      <c r="B115" s="54"/>
      <c r="C115" s="54"/>
      <c r="D115" s="54"/>
      <c r="E115" s="54"/>
      <c r="F115" s="54"/>
      <c r="G115" s="60"/>
      <c r="H115" s="232"/>
      <c r="I115" s="233"/>
      <c r="J115" s="187"/>
      <c r="K115" s="193"/>
      <c r="L115" s="54"/>
      <c r="M115" s="54"/>
      <c r="N115" s="187"/>
      <c r="O115" s="193"/>
      <c r="P115" s="54"/>
      <c r="Q115" s="54"/>
      <c r="R115" s="187"/>
      <c r="S115" s="193"/>
      <c r="T115" s="54"/>
      <c r="U115" s="54"/>
      <c r="V115" s="187"/>
      <c r="W115" s="193"/>
      <c r="X115" s="54"/>
      <c r="Y115" s="54"/>
      <c r="Z115" s="187"/>
      <c r="AA115" s="193"/>
      <c r="AB115" s="54"/>
      <c r="AC115" s="54"/>
      <c r="AD115" s="187"/>
      <c r="AE115" s="193"/>
      <c r="AF115" s="54"/>
      <c r="AG115" s="54"/>
      <c r="AH115" s="187"/>
      <c r="AI115" s="193"/>
      <c r="AJ115" s="54"/>
      <c r="AK115" s="54"/>
      <c r="AL115" s="187"/>
      <c r="AM115" s="193"/>
      <c r="AN115" s="54"/>
      <c r="AO115" s="54"/>
    </row>
    <row r="116" spans="1:41">
      <c r="A116" s="247" t="s">
        <v>277</v>
      </c>
      <c r="B116" s="61"/>
      <c r="C116" s="61"/>
      <c r="D116" s="61"/>
      <c r="E116" s="57"/>
      <c r="F116" s="57"/>
      <c r="G116" s="62"/>
      <c r="H116" s="232"/>
      <c r="I116" s="233"/>
      <c r="J116" s="194"/>
      <c r="K116" s="195"/>
      <c r="L116" s="61"/>
      <c r="M116" s="61"/>
      <c r="N116" s="194"/>
      <c r="O116" s="195"/>
      <c r="P116" s="61"/>
      <c r="Q116" s="61"/>
      <c r="R116" s="194"/>
      <c r="S116" s="195"/>
      <c r="T116" s="61"/>
      <c r="U116" s="61"/>
      <c r="V116" s="194"/>
      <c r="W116" s="195"/>
      <c r="X116" s="61"/>
      <c r="Y116" s="61"/>
      <c r="Z116" s="194"/>
      <c r="AA116" s="195"/>
      <c r="AB116" s="61"/>
      <c r="AC116" s="61"/>
      <c r="AD116" s="194"/>
      <c r="AE116" s="195"/>
      <c r="AF116" s="61"/>
      <c r="AG116" s="61"/>
      <c r="AH116" s="194"/>
      <c r="AI116" s="195"/>
      <c r="AJ116" s="61"/>
      <c r="AK116" s="61"/>
      <c r="AL116" s="194"/>
      <c r="AM116" s="195"/>
      <c r="AN116" s="61"/>
      <c r="AO116" s="61"/>
    </row>
    <row r="117" spans="1:41">
      <c r="A117" s="245" t="s">
        <v>278</v>
      </c>
      <c r="B117" s="51"/>
      <c r="C117" s="51"/>
      <c r="D117" s="51"/>
      <c r="E117" s="51"/>
      <c r="F117" s="51"/>
      <c r="G117" s="59"/>
      <c r="H117" s="232"/>
      <c r="I117" s="233"/>
      <c r="J117" s="185"/>
      <c r="K117" s="192"/>
      <c r="L117" s="51"/>
      <c r="M117" s="51"/>
      <c r="N117" s="185"/>
      <c r="O117" s="192"/>
      <c r="P117" s="51"/>
      <c r="Q117" s="51"/>
      <c r="R117" s="185"/>
      <c r="S117" s="192"/>
      <c r="T117" s="51"/>
      <c r="U117" s="51"/>
      <c r="V117" s="185"/>
      <c r="W117" s="192"/>
      <c r="X117" s="51"/>
      <c r="Y117" s="51"/>
      <c r="Z117" s="185"/>
      <c r="AA117" s="192"/>
      <c r="AB117" s="51"/>
      <c r="AC117" s="51"/>
      <c r="AD117" s="185"/>
      <c r="AE117" s="192"/>
      <c r="AF117" s="51"/>
      <c r="AG117" s="51"/>
      <c r="AH117" s="185"/>
      <c r="AI117" s="192"/>
      <c r="AJ117" s="51"/>
      <c r="AK117" s="51"/>
      <c r="AL117" s="185"/>
      <c r="AM117" s="192"/>
      <c r="AN117" s="51"/>
      <c r="AO117" s="51"/>
    </row>
    <row r="118" spans="1:41">
      <c r="A118" s="246" t="s">
        <v>279</v>
      </c>
      <c r="B118" s="54"/>
      <c r="C118" s="54"/>
      <c r="D118" s="54"/>
      <c r="E118" s="54"/>
      <c r="F118" s="54"/>
      <c r="G118" s="60"/>
      <c r="H118" s="232"/>
      <c r="I118" s="233"/>
      <c r="J118" s="187"/>
      <c r="K118" s="193"/>
      <c r="L118" s="54"/>
      <c r="M118" s="54"/>
      <c r="N118" s="187"/>
      <c r="O118" s="193"/>
      <c r="P118" s="54"/>
      <c r="Q118" s="54"/>
      <c r="R118" s="187"/>
      <c r="S118" s="193"/>
      <c r="T118" s="54"/>
      <c r="U118" s="54"/>
      <c r="V118" s="187"/>
      <c r="W118" s="193"/>
      <c r="X118" s="54"/>
      <c r="Y118" s="54"/>
      <c r="Z118" s="187"/>
      <c r="AA118" s="193"/>
      <c r="AB118" s="54"/>
      <c r="AC118" s="54"/>
      <c r="AD118" s="187"/>
      <c r="AE118" s="193"/>
      <c r="AF118" s="54"/>
      <c r="AG118" s="54"/>
      <c r="AH118" s="187"/>
      <c r="AI118" s="193"/>
      <c r="AJ118" s="54"/>
      <c r="AK118" s="54"/>
      <c r="AL118" s="187"/>
      <c r="AM118" s="193"/>
      <c r="AN118" s="54"/>
      <c r="AO118" s="54"/>
    </row>
    <row r="119" spans="1:41">
      <c r="A119" s="247" t="s">
        <v>280</v>
      </c>
      <c r="B119" s="57"/>
      <c r="C119" s="57"/>
      <c r="D119" s="57"/>
      <c r="E119" s="57"/>
      <c r="F119" s="57"/>
      <c r="G119" s="63"/>
      <c r="H119" s="232"/>
      <c r="I119" s="233"/>
      <c r="J119" s="196"/>
      <c r="K119" s="197"/>
      <c r="L119" s="57"/>
      <c r="M119" s="57"/>
      <c r="N119" s="196"/>
      <c r="O119" s="197"/>
      <c r="P119" s="57"/>
      <c r="Q119" s="57"/>
      <c r="R119" s="196"/>
      <c r="S119" s="197"/>
      <c r="T119" s="57"/>
      <c r="U119" s="57"/>
      <c r="V119" s="196"/>
      <c r="W119" s="197"/>
      <c r="X119" s="57"/>
      <c r="Y119" s="57"/>
      <c r="Z119" s="196"/>
      <c r="AA119" s="197"/>
      <c r="AB119" s="57"/>
      <c r="AC119" s="57"/>
      <c r="AD119" s="196"/>
      <c r="AE119" s="197"/>
      <c r="AF119" s="57"/>
      <c r="AG119" s="57"/>
      <c r="AH119" s="196"/>
      <c r="AI119" s="197"/>
      <c r="AJ119" s="57"/>
      <c r="AK119" s="57"/>
      <c r="AL119" s="196"/>
      <c r="AM119" s="197"/>
      <c r="AN119" s="57"/>
      <c r="AO119" s="57"/>
    </row>
    <row r="120" spans="1:41">
      <c r="A120" s="245" t="s">
        <v>281</v>
      </c>
      <c r="B120" s="64"/>
      <c r="C120" s="64"/>
      <c r="D120" s="64"/>
      <c r="E120" s="51"/>
      <c r="F120" s="51"/>
      <c r="G120" s="65"/>
      <c r="H120" s="232"/>
      <c r="I120" s="233"/>
      <c r="J120" s="199"/>
      <c r="K120" s="200"/>
      <c r="L120" s="64"/>
      <c r="M120" s="64"/>
      <c r="N120" s="199"/>
      <c r="O120" s="200"/>
      <c r="P120" s="64"/>
      <c r="Q120" s="64"/>
      <c r="R120" s="199"/>
      <c r="S120" s="200"/>
      <c r="T120" s="64"/>
      <c r="U120" s="64"/>
      <c r="V120" s="199"/>
      <c r="W120" s="200"/>
      <c r="X120" s="64"/>
      <c r="Y120" s="64"/>
      <c r="Z120" s="199"/>
      <c r="AA120" s="200"/>
      <c r="AB120" s="64"/>
      <c r="AC120" s="64"/>
      <c r="AD120" s="199"/>
      <c r="AE120" s="200"/>
      <c r="AF120" s="64"/>
      <c r="AG120" s="64"/>
      <c r="AH120" s="199"/>
      <c r="AI120" s="200"/>
      <c r="AJ120" s="64"/>
      <c r="AK120" s="64"/>
      <c r="AL120" s="199"/>
      <c r="AM120" s="200"/>
      <c r="AN120" s="64"/>
      <c r="AO120" s="64"/>
    </row>
    <row r="121" spans="1:41">
      <c r="A121" s="246" t="s">
        <v>282</v>
      </c>
      <c r="B121" s="61"/>
      <c r="C121" s="61"/>
      <c r="D121" s="61"/>
      <c r="E121" s="54"/>
      <c r="F121" s="54"/>
      <c r="G121" s="62"/>
      <c r="H121" s="232"/>
      <c r="I121" s="233"/>
      <c r="J121" s="194"/>
      <c r="K121" s="195"/>
      <c r="L121" s="61"/>
      <c r="M121" s="61"/>
      <c r="N121" s="194"/>
      <c r="O121" s="195"/>
      <c r="P121" s="61"/>
      <c r="Q121" s="61"/>
      <c r="R121" s="194"/>
      <c r="S121" s="195"/>
      <c r="T121" s="61"/>
      <c r="U121" s="61"/>
      <c r="V121" s="194"/>
      <c r="W121" s="195"/>
      <c r="X121" s="61"/>
      <c r="Y121" s="61"/>
      <c r="Z121" s="194"/>
      <c r="AA121" s="195"/>
      <c r="AB121" s="61"/>
      <c r="AC121" s="61"/>
      <c r="AD121" s="194"/>
      <c r="AE121" s="195"/>
      <c r="AF121" s="61"/>
      <c r="AG121" s="61"/>
      <c r="AH121" s="194"/>
      <c r="AI121" s="195"/>
      <c r="AJ121" s="61"/>
      <c r="AK121" s="61"/>
      <c r="AL121" s="194"/>
      <c r="AM121" s="195"/>
      <c r="AN121" s="61"/>
      <c r="AO121" s="61"/>
    </row>
    <row r="122" spans="1:41">
      <c r="A122" s="247" t="s">
        <v>283</v>
      </c>
      <c r="B122" s="57"/>
      <c r="C122" s="57"/>
      <c r="D122" s="57"/>
      <c r="E122" s="57"/>
      <c r="F122" s="57"/>
      <c r="G122" s="63"/>
      <c r="H122" s="232"/>
      <c r="I122" s="233"/>
      <c r="J122" s="196"/>
      <c r="K122" s="197"/>
      <c r="L122" s="57"/>
      <c r="M122" s="57"/>
      <c r="N122" s="196"/>
      <c r="O122" s="197"/>
      <c r="P122" s="57"/>
      <c r="Q122" s="57"/>
      <c r="R122" s="196"/>
      <c r="S122" s="197"/>
      <c r="T122" s="57"/>
      <c r="U122" s="57"/>
      <c r="V122" s="196"/>
      <c r="W122" s="197"/>
      <c r="X122" s="57"/>
      <c r="Y122" s="57"/>
      <c r="Z122" s="196"/>
      <c r="AA122" s="197"/>
      <c r="AB122" s="57"/>
      <c r="AC122" s="57"/>
      <c r="AD122" s="196"/>
      <c r="AE122" s="197"/>
      <c r="AF122" s="57"/>
      <c r="AG122" s="57"/>
      <c r="AH122" s="196"/>
      <c r="AI122" s="197"/>
      <c r="AJ122" s="57"/>
      <c r="AK122" s="57"/>
      <c r="AL122" s="196"/>
      <c r="AM122" s="197"/>
      <c r="AN122" s="57"/>
      <c r="AO122" s="57"/>
    </row>
    <row r="123" spans="1:41">
      <c r="A123" s="245" t="s">
        <v>284</v>
      </c>
      <c r="B123" s="51"/>
      <c r="C123" s="51"/>
      <c r="D123" s="51"/>
      <c r="E123" s="51"/>
      <c r="F123" s="51"/>
      <c r="G123" s="59"/>
      <c r="H123" s="232"/>
      <c r="I123" s="233"/>
      <c r="J123" s="185"/>
      <c r="K123" s="192"/>
      <c r="L123" s="192"/>
      <c r="M123" s="186"/>
      <c r="N123" s="185"/>
      <c r="O123" s="192"/>
      <c r="P123" s="192"/>
      <c r="Q123" s="186"/>
      <c r="R123" s="185"/>
      <c r="S123" s="192"/>
      <c r="T123" s="192"/>
      <c r="U123" s="186"/>
      <c r="V123" s="185"/>
      <c r="W123" s="192"/>
      <c r="X123" s="192"/>
      <c r="Y123" s="186"/>
      <c r="Z123" s="185"/>
      <c r="AA123" s="192"/>
      <c r="AB123" s="192"/>
      <c r="AC123" s="186"/>
      <c r="AD123" s="185"/>
      <c r="AE123" s="192"/>
      <c r="AF123" s="192"/>
      <c r="AG123" s="186"/>
      <c r="AH123" s="185"/>
      <c r="AI123" s="192"/>
      <c r="AJ123" s="192"/>
      <c r="AK123" s="186"/>
      <c r="AL123" s="185"/>
      <c r="AM123" s="192"/>
      <c r="AN123" s="192"/>
      <c r="AO123" s="186"/>
    </row>
    <row r="124" spans="1:41">
      <c r="A124" s="246" t="s">
        <v>285</v>
      </c>
      <c r="B124" s="54"/>
      <c r="C124" s="54"/>
      <c r="D124" s="54"/>
      <c r="E124" s="54"/>
      <c r="F124" s="54"/>
      <c r="G124" s="60"/>
      <c r="H124" s="232"/>
      <c r="I124" s="233"/>
      <c r="J124" s="187"/>
      <c r="K124" s="193"/>
      <c r="L124" s="193"/>
      <c r="M124" s="188"/>
      <c r="N124" s="187"/>
      <c r="O124" s="193"/>
      <c r="P124" s="193"/>
      <c r="Q124" s="188"/>
      <c r="R124" s="187"/>
      <c r="S124" s="193"/>
      <c r="T124" s="193"/>
      <c r="U124" s="188"/>
      <c r="V124" s="187"/>
      <c r="W124" s="193"/>
      <c r="X124" s="193"/>
      <c r="Y124" s="188"/>
      <c r="Z124" s="187"/>
      <c r="AA124" s="193"/>
      <c r="AB124" s="193"/>
      <c r="AC124" s="188"/>
      <c r="AD124" s="187"/>
      <c r="AE124" s="193"/>
      <c r="AF124" s="193"/>
      <c r="AG124" s="188"/>
      <c r="AH124" s="187"/>
      <c r="AI124" s="193"/>
      <c r="AJ124" s="193"/>
      <c r="AK124" s="188"/>
      <c r="AL124" s="187"/>
      <c r="AM124" s="193"/>
      <c r="AN124" s="193"/>
      <c r="AO124" s="188"/>
    </row>
    <row r="125" spans="1:41">
      <c r="A125" s="246" t="s">
        <v>286</v>
      </c>
      <c r="B125" s="54"/>
      <c r="C125" s="54"/>
      <c r="D125" s="54"/>
      <c r="E125" s="54"/>
      <c r="F125" s="54"/>
      <c r="G125" s="60"/>
      <c r="H125" s="232"/>
      <c r="I125" s="233"/>
      <c r="J125" s="187"/>
      <c r="K125" s="193"/>
      <c r="L125" s="193"/>
      <c r="M125" s="188"/>
      <c r="N125" s="187"/>
      <c r="O125" s="193"/>
      <c r="P125" s="193"/>
      <c r="Q125" s="188"/>
      <c r="R125" s="187"/>
      <c r="S125" s="193"/>
      <c r="T125" s="193"/>
      <c r="U125" s="188"/>
      <c r="V125" s="187"/>
      <c r="W125" s="193"/>
      <c r="X125" s="193"/>
      <c r="Y125" s="188"/>
      <c r="Z125" s="187"/>
      <c r="AA125" s="193"/>
      <c r="AB125" s="193"/>
      <c r="AC125" s="188"/>
      <c r="AD125" s="187"/>
      <c r="AE125" s="193"/>
      <c r="AF125" s="193"/>
      <c r="AG125" s="188"/>
      <c r="AH125" s="187"/>
      <c r="AI125" s="193"/>
      <c r="AJ125" s="193"/>
      <c r="AK125" s="188"/>
      <c r="AL125" s="187"/>
      <c r="AM125" s="193"/>
      <c r="AN125" s="193"/>
      <c r="AO125" s="188"/>
    </row>
    <row r="126" spans="1:41">
      <c r="A126" s="246" t="s">
        <v>287</v>
      </c>
      <c r="B126" s="54"/>
      <c r="C126" s="54"/>
      <c r="D126" s="54"/>
      <c r="E126" s="54"/>
      <c r="F126" s="54"/>
      <c r="G126" s="60"/>
      <c r="H126" s="232"/>
      <c r="I126" s="233"/>
      <c r="J126" s="187"/>
      <c r="K126" s="193"/>
      <c r="L126" s="193"/>
      <c r="M126" s="188"/>
      <c r="N126" s="187"/>
      <c r="O126" s="193"/>
      <c r="P126" s="193"/>
      <c r="Q126" s="188"/>
      <c r="R126" s="187"/>
      <c r="S126" s="193"/>
      <c r="T126" s="193"/>
      <c r="U126" s="188"/>
      <c r="V126" s="187"/>
      <c r="W126" s="193"/>
      <c r="X126" s="193"/>
      <c r="Y126" s="188"/>
      <c r="Z126" s="187"/>
      <c r="AA126" s="193"/>
      <c r="AB126" s="193"/>
      <c r="AC126" s="188"/>
      <c r="AD126" s="187"/>
      <c r="AE126" s="193"/>
      <c r="AF126" s="193"/>
      <c r="AG126" s="188"/>
      <c r="AH126" s="187"/>
      <c r="AI126" s="193"/>
      <c r="AJ126" s="193"/>
      <c r="AK126" s="188"/>
      <c r="AL126" s="187"/>
      <c r="AM126" s="193"/>
      <c r="AN126" s="193"/>
      <c r="AO126" s="188"/>
    </row>
    <row r="127" spans="1:41">
      <c r="A127" s="246" t="s">
        <v>288</v>
      </c>
      <c r="B127" s="54"/>
      <c r="C127" s="54"/>
      <c r="D127" s="54"/>
      <c r="E127" s="54"/>
      <c r="F127" s="54"/>
      <c r="G127" s="60"/>
      <c r="H127" s="232"/>
      <c r="I127" s="233"/>
      <c r="J127" s="187"/>
      <c r="K127" s="193"/>
      <c r="L127" s="193"/>
      <c r="M127" s="188"/>
      <c r="N127" s="187"/>
      <c r="O127" s="193"/>
      <c r="P127" s="193"/>
      <c r="Q127" s="188"/>
      <c r="R127" s="187"/>
      <c r="S127" s="193"/>
      <c r="T127" s="193"/>
      <c r="U127" s="188"/>
      <c r="V127" s="187"/>
      <c r="W127" s="193"/>
      <c r="X127" s="193"/>
      <c r="Y127" s="188"/>
      <c r="Z127" s="187"/>
      <c r="AA127" s="193"/>
      <c r="AB127" s="193"/>
      <c r="AC127" s="188"/>
      <c r="AD127" s="187"/>
      <c r="AE127" s="193"/>
      <c r="AF127" s="193"/>
      <c r="AG127" s="188"/>
      <c r="AH127" s="187"/>
      <c r="AI127" s="193"/>
      <c r="AJ127" s="193"/>
      <c r="AK127" s="188"/>
      <c r="AL127" s="187"/>
      <c r="AM127" s="193"/>
      <c r="AN127" s="193"/>
      <c r="AO127" s="188"/>
    </row>
    <row r="128" spans="1:41">
      <c r="A128" s="246" t="s">
        <v>289</v>
      </c>
      <c r="B128" s="54"/>
      <c r="C128" s="54"/>
      <c r="D128" s="54"/>
      <c r="E128" s="54"/>
      <c r="F128" s="54"/>
      <c r="G128" s="60"/>
      <c r="H128" s="232"/>
      <c r="I128" s="233"/>
      <c r="J128" s="187"/>
      <c r="K128" s="193"/>
      <c r="L128" s="193"/>
      <c r="M128" s="188"/>
      <c r="N128" s="187"/>
      <c r="O128" s="193"/>
      <c r="P128" s="193"/>
      <c r="Q128" s="188"/>
      <c r="R128" s="187"/>
      <c r="S128" s="193"/>
      <c r="T128" s="193"/>
      <c r="U128" s="188"/>
      <c r="V128" s="187"/>
      <c r="W128" s="193"/>
      <c r="X128" s="193"/>
      <c r="Y128" s="188"/>
      <c r="Z128" s="187"/>
      <c r="AA128" s="193"/>
      <c r="AB128" s="193"/>
      <c r="AC128" s="188"/>
      <c r="AD128" s="187"/>
      <c r="AE128" s="193"/>
      <c r="AF128" s="193"/>
      <c r="AG128" s="188"/>
      <c r="AH128" s="187"/>
      <c r="AI128" s="193"/>
      <c r="AJ128" s="193"/>
      <c r="AK128" s="188"/>
      <c r="AL128" s="187"/>
      <c r="AM128" s="193"/>
      <c r="AN128" s="193"/>
      <c r="AO128" s="188"/>
    </row>
    <row r="129" spans="1:41">
      <c r="A129" s="246" t="s">
        <v>290</v>
      </c>
      <c r="B129" s="54"/>
      <c r="C129" s="54"/>
      <c r="D129" s="54"/>
      <c r="E129" s="54"/>
      <c r="F129" s="54"/>
      <c r="G129" s="60"/>
      <c r="H129" s="232"/>
      <c r="I129" s="233"/>
      <c r="J129" s="187"/>
      <c r="K129" s="193"/>
      <c r="L129" s="193"/>
      <c r="M129" s="188"/>
      <c r="N129" s="187"/>
      <c r="O129" s="193"/>
      <c r="P129" s="193"/>
      <c r="Q129" s="188"/>
      <c r="R129" s="187"/>
      <c r="S129" s="193"/>
      <c r="T129" s="193"/>
      <c r="U129" s="188"/>
      <c r="V129" s="187"/>
      <c r="W129" s="193"/>
      <c r="X129" s="193"/>
      <c r="Y129" s="188"/>
      <c r="Z129" s="187"/>
      <c r="AA129" s="193"/>
      <c r="AB129" s="193"/>
      <c r="AC129" s="188"/>
      <c r="AD129" s="187"/>
      <c r="AE129" s="193"/>
      <c r="AF129" s="193"/>
      <c r="AG129" s="188"/>
      <c r="AH129" s="187"/>
      <c r="AI129" s="193"/>
      <c r="AJ129" s="193"/>
      <c r="AK129" s="188"/>
      <c r="AL129" s="187"/>
      <c r="AM129" s="193"/>
      <c r="AN129" s="193"/>
      <c r="AO129" s="188"/>
    </row>
    <row r="130" spans="1:41">
      <c r="A130" s="246" t="s">
        <v>291</v>
      </c>
      <c r="B130" s="54"/>
      <c r="C130" s="54"/>
      <c r="D130" s="54"/>
      <c r="E130" s="54"/>
      <c r="F130" s="54"/>
      <c r="G130" s="60"/>
      <c r="H130" s="232"/>
      <c r="I130" s="233"/>
      <c r="J130" s="187"/>
      <c r="K130" s="193"/>
      <c r="L130" s="193"/>
      <c r="M130" s="188"/>
      <c r="N130" s="187"/>
      <c r="O130" s="193"/>
      <c r="P130" s="193"/>
      <c r="Q130" s="188"/>
      <c r="R130" s="187"/>
      <c r="S130" s="193"/>
      <c r="T130" s="193"/>
      <c r="U130" s="188"/>
      <c r="V130" s="187"/>
      <c r="W130" s="193"/>
      <c r="X130" s="193"/>
      <c r="Y130" s="188"/>
      <c r="Z130" s="187"/>
      <c r="AA130" s="193"/>
      <c r="AB130" s="193"/>
      <c r="AC130" s="188"/>
      <c r="AD130" s="187"/>
      <c r="AE130" s="193"/>
      <c r="AF130" s="193"/>
      <c r="AG130" s="188"/>
      <c r="AH130" s="187"/>
      <c r="AI130" s="193"/>
      <c r="AJ130" s="193"/>
      <c r="AK130" s="188"/>
      <c r="AL130" s="187"/>
      <c r="AM130" s="193"/>
      <c r="AN130" s="193"/>
      <c r="AO130" s="188"/>
    </row>
    <row r="131" spans="1:41">
      <c r="A131" s="246" t="s">
        <v>292</v>
      </c>
      <c r="B131" s="54"/>
      <c r="C131" s="54"/>
      <c r="D131" s="54"/>
      <c r="E131" s="54"/>
      <c r="F131" s="54"/>
      <c r="G131" s="60"/>
      <c r="H131" s="232"/>
      <c r="I131" s="233"/>
      <c r="J131" s="187"/>
      <c r="K131" s="193"/>
      <c r="L131" s="193"/>
      <c r="M131" s="188"/>
      <c r="N131" s="187"/>
      <c r="O131" s="193"/>
      <c r="P131" s="193"/>
      <c r="Q131" s="188"/>
      <c r="R131" s="187"/>
      <c r="S131" s="193"/>
      <c r="T131" s="193"/>
      <c r="U131" s="188"/>
      <c r="V131" s="187"/>
      <c r="W131" s="193"/>
      <c r="X131" s="193"/>
      <c r="Y131" s="188"/>
      <c r="Z131" s="187"/>
      <c r="AA131" s="193"/>
      <c r="AB131" s="193"/>
      <c r="AC131" s="188"/>
      <c r="AD131" s="187"/>
      <c r="AE131" s="193"/>
      <c r="AF131" s="193"/>
      <c r="AG131" s="188"/>
      <c r="AH131" s="187"/>
      <c r="AI131" s="193"/>
      <c r="AJ131" s="193"/>
      <c r="AK131" s="188"/>
      <c r="AL131" s="187"/>
      <c r="AM131" s="193"/>
      <c r="AN131" s="193"/>
      <c r="AO131" s="188"/>
    </row>
    <row r="132" spans="1:41">
      <c r="A132" s="247" t="s">
        <v>293</v>
      </c>
      <c r="B132" s="57"/>
      <c r="C132" s="57"/>
      <c r="D132" s="57"/>
      <c r="E132" s="57"/>
      <c r="F132" s="57"/>
      <c r="G132" s="63"/>
      <c r="H132" s="232"/>
      <c r="I132" s="233"/>
      <c r="J132" s="196"/>
      <c r="K132" s="197"/>
      <c r="L132" s="197"/>
      <c r="M132" s="198"/>
      <c r="N132" s="196"/>
      <c r="O132" s="197"/>
      <c r="P132" s="197"/>
      <c r="Q132" s="198"/>
      <c r="R132" s="196"/>
      <c r="S132" s="197"/>
      <c r="T132" s="197"/>
      <c r="U132" s="198"/>
      <c r="V132" s="196"/>
      <c r="W132" s="197"/>
      <c r="X132" s="197"/>
      <c r="Y132" s="198"/>
      <c r="Z132" s="196"/>
      <c r="AA132" s="197"/>
      <c r="AB132" s="197"/>
      <c r="AC132" s="198"/>
      <c r="AD132" s="196"/>
      <c r="AE132" s="197"/>
      <c r="AF132" s="197"/>
      <c r="AG132" s="198"/>
      <c r="AH132" s="196"/>
      <c r="AI132" s="197"/>
      <c r="AJ132" s="197"/>
      <c r="AK132" s="198"/>
      <c r="AL132" s="196"/>
      <c r="AM132" s="197"/>
      <c r="AN132" s="197"/>
      <c r="AO132" s="198"/>
    </row>
    <row r="133" spans="1:41">
      <c r="A133" s="245" t="s">
        <v>294</v>
      </c>
      <c r="B133" s="51"/>
      <c r="C133" s="51"/>
      <c r="D133" s="51"/>
      <c r="E133" s="51"/>
      <c r="F133" s="51"/>
      <c r="G133" s="59"/>
      <c r="H133" s="232"/>
      <c r="I133" s="233"/>
      <c r="J133" s="185"/>
      <c r="K133" s="192"/>
      <c r="L133" s="192"/>
      <c r="M133" s="186"/>
      <c r="N133" s="185"/>
      <c r="O133" s="192"/>
      <c r="P133" s="192"/>
      <c r="Q133" s="186"/>
      <c r="R133" s="185"/>
      <c r="S133" s="192"/>
      <c r="T133" s="192"/>
      <c r="U133" s="186"/>
      <c r="V133" s="185"/>
      <c r="W133" s="192"/>
      <c r="X133" s="192"/>
      <c r="Y133" s="186"/>
      <c r="Z133" s="185"/>
      <c r="AA133" s="192"/>
      <c r="AB133" s="192"/>
      <c r="AC133" s="186"/>
      <c r="AD133" s="185"/>
      <c r="AE133" s="192"/>
      <c r="AF133" s="192"/>
      <c r="AG133" s="186"/>
      <c r="AH133" s="185"/>
      <c r="AI133" s="192"/>
      <c r="AJ133" s="192"/>
      <c r="AK133" s="186"/>
      <c r="AL133" s="185"/>
      <c r="AM133" s="192"/>
      <c r="AN133" s="192"/>
      <c r="AO133" s="186"/>
    </row>
    <row r="134" spans="1:41">
      <c r="A134" s="246" t="s">
        <v>295</v>
      </c>
      <c r="B134" s="54"/>
      <c r="C134" s="54"/>
      <c r="D134" s="54"/>
      <c r="E134" s="54"/>
      <c r="F134" s="54"/>
      <c r="G134" s="60"/>
      <c r="H134" s="232"/>
      <c r="I134" s="233"/>
      <c r="J134" s="187"/>
      <c r="K134" s="193"/>
      <c r="L134" s="193"/>
      <c r="M134" s="188"/>
      <c r="N134" s="187"/>
      <c r="O134" s="193"/>
      <c r="P134" s="193"/>
      <c r="Q134" s="188"/>
      <c r="R134" s="187"/>
      <c r="S134" s="193"/>
      <c r="T134" s="193"/>
      <c r="U134" s="188"/>
      <c r="V134" s="187"/>
      <c r="W134" s="193"/>
      <c r="X134" s="193"/>
      <c r="Y134" s="188"/>
      <c r="Z134" s="187"/>
      <c r="AA134" s="193"/>
      <c r="AB134" s="193"/>
      <c r="AC134" s="188"/>
      <c r="AD134" s="187"/>
      <c r="AE134" s="193"/>
      <c r="AF134" s="193"/>
      <c r="AG134" s="188"/>
      <c r="AH134" s="187"/>
      <c r="AI134" s="193"/>
      <c r="AJ134" s="193"/>
      <c r="AK134" s="188"/>
      <c r="AL134" s="187"/>
      <c r="AM134" s="193"/>
      <c r="AN134" s="193"/>
      <c r="AO134" s="188"/>
    </row>
    <row r="135" spans="1:41">
      <c r="A135" s="246" t="s">
        <v>296</v>
      </c>
      <c r="B135" s="54"/>
      <c r="C135" s="54"/>
      <c r="D135" s="54"/>
      <c r="E135" s="54"/>
      <c r="F135" s="54"/>
      <c r="G135" s="60"/>
      <c r="H135" s="232"/>
      <c r="I135" s="233"/>
      <c r="J135" s="187"/>
      <c r="K135" s="193"/>
      <c r="L135" s="193"/>
      <c r="M135" s="188"/>
      <c r="N135" s="187"/>
      <c r="O135" s="193"/>
      <c r="P135" s="193"/>
      <c r="Q135" s="188"/>
      <c r="R135" s="187"/>
      <c r="S135" s="193"/>
      <c r="T135" s="193"/>
      <c r="U135" s="188"/>
      <c r="V135" s="187"/>
      <c r="W135" s="193"/>
      <c r="X135" s="193"/>
      <c r="Y135" s="188"/>
      <c r="Z135" s="187"/>
      <c r="AA135" s="193"/>
      <c r="AB135" s="193"/>
      <c r="AC135" s="188"/>
      <c r="AD135" s="187"/>
      <c r="AE135" s="193"/>
      <c r="AF135" s="193"/>
      <c r="AG135" s="188"/>
      <c r="AH135" s="187"/>
      <c r="AI135" s="193"/>
      <c r="AJ135" s="193"/>
      <c r="AK135" s="188"/>
      <c r="AL135" s="187"/>
      <c r="AM135" s="193"/>
      <c r="AN135" s="193"/>
      <c r="AO135" s="188"/>
    </row>
    <row r="136" spans="1:41">
      <c r="A136" s="246" t="s">
        <v>297</v>
      </c>
      <c r="B136" s="54"/>
      <c r="C136" s="54"/>
      <c r="D136" s="54"/>
      <c r="E136" s="54"/>
      <c r="F136" s="54"/>
      <c r="G136" s="60"/>
      <c r="H136" s="232"/>
      <c r="I136" s="233"/>
      <c r="J136" s="187"/>
      <c r="K136" s="193"/>
      <c r="L136" s="193"/>
      <c r="M136" s="188"/>
      <c r="N136" s="187"/>
      <c r="O136" s="193"/>
      <c r="P136" s="193"/>
      <c r="Q136" s="188"/>
      <c r="R136" s="187"/>
      <c r="S136" s="193"/>
      <c r="T136" s="193"/>
      <c r="U136" s="188"/>
      <c r="V136" s="187"/>
      <c r="W136" s="193"/>
      <c r="X136" s="193"/>
      <c r="Y136" s="188"/>
      <c r="Z136" s="187"/>
      <c r="AA136" s="193"/>
      <c r="AB136" s="193"/>
      <c r="AC136" s="188"/>
      <c r="AD136" s="187"/>
      <c r="AE136" s="193"/>
      <c r="AF136" s="193"/>
      <c r="AG136" s="188"/>
      <c r="AH136" s="187"/>
      <c r="AI136" s="193"/>
      <c r="AJ136" s="193"/>
      <c r="AK136" s="188"/>
      <c r="AL136" s="187"/>
      <c r="AM136" s="193"/>
      <c r="AN136" s="193"/>
      <c r="AO136" s="188"/>
    </row>
    <row r="137" spans="1:41">
      <c r="A137" s="246" t="s">
        <v>298</v>
      </c>
      <c r="B137" s="54"/>
      <c r="C137" s="54"/>
      <c r="D137" s="54"/>
      <c r="E137" s="54"/>
      <c r="F137" s="54"/>
      <c r="G137" s="60"/>
      <c r="H137" s="232"/>
      <c r="I137" s="233"/>
      <c r="J137" s="187"/>
      <c r="K137" s="193"/>
      <c r="L137" s="193"/>
      <c r="M137" s="188"/>
      <c r="N137" s="187"/>
      <c r="O137" s="193"/>
      <c r="P137" s="193"/>
      <c r="Q137" s="188"/>
      <c r="R137" s="187"/>
      <c r="S137" s="193"/>
      <c r="T137" s="193"/>
      <c r="U137" s="188"/>
      <c r="V137" s="187"/>
      <c r="W137" s="193"/>
      <c r="X137" s="193"/>
      <c r="Y137" s="188"/>
      <c r="Z137" s="187"/>
      <c r="AA137" s="193"/>
      <c r="AB137" s="193"/>
      <c r="AC137" s="188"/>
      <c r="AD137" s="187"/>
      <c r="AE137" s="193"/>
      <c r="AF137" s="193"/>
      <c r="AG137" s="188"/>
      <c r="AH137" s="187"/>
      <c r="AI137" s="193"/>
      <c r="AJ137" s="193"/>
      <c r="AK137" s="188"/>
      <c r="AL137" s="187"/>
      <c r="AM137" s="193"/>
      <c r="AN137" s="193"/>
      <c r="AO137" s="188"/>
    </row>
    <row r="138" spans="1:41">
      <c r="A138" s="246" t="s">
        <v>299</v>
      </c>
      <c r="B138" s="54"/>
      <c r="C138" s="54"/>
      <c r="D138" s="54"/>
      <c r="E138" s="54"/>
      <c r="F138" s="54"/>
      <c r="G138" s="60"/>
      <c r="H138" s="232"/>
      <c r="I138" s="233"/>
      <c r="J138" s="187"/>
      <c r="K138" s="193"/>
      <c r="L138" s="193"/>
      <c r="M138" s="188"/>
      <c r="N138" s="187"/>
      <c r="O138" s="193"/>
      <c r="P138" s="193"/>
      <c r="Q138" s="188"/>
      <c r="R138" s="187"/>
      <c r="S138" s="193"/>
      <c r="T138" s="193"/>
      <c r="U138" s="188"/>
      <c r="V138" s="187"/>
      <c r="W138" s="193"/>
      <c r="X138" s="193"/>
      <c r="Y138" s="188"/>
      <c r="Z138" s="187"/>
      <c r="AA138" s="193"/>
      <c r="AB138" s="193"/>
      <c r="AC138" s="188"/>
      <c r="AD138" s="187"/>
      <c r="AE138" s="193"/>
      <c r="AF138" s="193"/>
      <c r="AG138" s="188"/>
      <c r="AH138" s="187"/>
      <c r="AI138" s="193"/>
      <c r="AJ138" s="193"/>
      <c r="AK138" s="188"/>
      <c r="AL138" s="187"/>
      <c r="AM138" s="193"/>
      <c r="AN138" s="193"/>
      <c r="AO138" s="188"/>
    </row>
    <row r="139" spans="1:41">
      <c r="A139" s="246" t="s">
        <v>300</v>
      </c>
      <c r="B139" s="54"/>
      <c r="C139" s="54"/>
      <c r="D139" s="54"/>
      <c r="E139" s="54"/>
      <c r="F139" s="54"/>
      <c r="G139" s="60"/>
      <c r="H139" s="232"/>
      <c r="I139" s="233"/>
      <c r="J139" s="187"/>
      <c r="K139" s="193"/>
      <c r="L139" s="193"/>
      <c r="M139" s="188"/>
      <c r="N139" s="187"/>
      <c r="O139" s="193"/>
      <c r="P139" s="193"/>
      <c r="Q139" s="188"/>
      <c r="R139" s="187"/>
      <c r="S139" s="193"/>
      <c r="T139" s="193"/>
      <c r="U139" s="188"/>
      <c r="V139" s="187"/>
      <c r="W139" s="193"/>
      <c r="X139" s="193"/>
      <c r="Y139" s="188"/>
      <c r="Z139" s="187"/>
      <c r="AA139" s="193"/>
      <c r="AB139" s="193"/>
      <c r="AC139" s="188"/>
      <c r="AD139" s="187"/>
      <c r="AE139" s="193"/>
      <c r="AF139" s="193"/>
      <c r="AG139" s="188"/>
      <c r="AH139" s="187"/>
      <c r="AI139" s="193"/>
      <c r="AJ139" s="193"/>
      <c r="AK139" s="188"/>
      <c r="AL139" s="187"/>
      <c r="AM139" s="193"/>
      <c r="AN139" s="193"/>
      <c r="AO139" s="188"/>
    </row>
    <row r="140" spans="1:41">
      <c r="A140" s="246" t="s">
        <v>301</v>
      </c>
      <c r="B140" s="54"/>
      <c r="C140" s="54"/>
      <c r="D140" s="54"/>
      <c r="E140" s="54"/>
      <c r="F140" s="54"/>
      <c r="G140" s="60"/>
      <c r="H140" s="232"/>
      <c r="I140" s="233"/>
      <c r="J140" s="187"/>
      <c r="K140" s="193"/>
      <c r="L140" s="193"/>
      <c r="M140" s="188"/>
      <c r="N140" s="187"/>
      <c r="O140" s="193"/>
      <c r="P140" s="193"/>
      <c r="Q140" s="188"/>
      <c r="R140" s="187"/>
      <c r="S140" s="193"/>
      <c r="T140" s="193"/>
      <c r="U140" s="188"/>
      <c r="V140" s="187"/>
      <c r="W140" s="193"/>
      <c r="X140" s="193"/>
      <c r="Y140" s="188"/>
      <c r="Z140" s="187"/>
      <c r="AA140" s="193"/>
      <c r="AB140" s="193"/>
      <c r="AC140" s="188"/>
      <c r="AD140" s="187"/>
      <c r="AE140" s="193"/>
      <c r="AF140" s="193"/>
      <c r="AG140" s="188"/>
      <c r="AH140" s="187"/>
      <c r="AI140" s="193"/>
      <c r="AJ140" s="193"/>
      <c r="AK140" s="188"/>
      <c r="AL140" s="187"/>
      <c r="AM140" s="193"/>
      <c r="AN140" s="193"/>
      <c r="AO140" s="188"/>
    </row>
    <row r="141" spans="1:41">
      <c r="A141" s="246" t="s">
        <v>302</v>
      </c>
      <c r="B141" s="54"/>
      <c r="C141" s="54"/>
      <c r="D141" s="54"/>
      <c r="E141" s="54"/>
      <c r="F141" s="54"/>
      <c r="G141" s="60"/>
      <c r="H141" s="232"/>
      <c r="I141" s="233"/>
      <c r="J141" s="187"/>
      <c r="K141" s="193"/>
      <c r="L141" s="193"/>
      <c r="M141" s="188"/>
      <c r="N141" s="187"/>
      <c r="O141" s="193"/>
      <c r="P141" s="193"/>
      <c r="Q141" s="188"/>
      <c r="R141" s="187"/>
      <c r="S141" s="193"/>
      <c r="T141" s="193"/>
      <c r="U141" s="188"/>
      <c r="V141" s="187"/>
      <c r="W141" s="193"/>
      <c r="X141" s="193"/>
      <c r="Y141" s="188"/>
      <c r="Z141" s="187"/>
      <c r="AA141" s="193"/>
      <c r="AB141" s="193"/>
      <c r="AC141" s="188"/>
      <c r="AD141" s="187"/>
      <c r="AE141" s="193"/>
      <c r="AF141" s="193"/>
      <c r="AG141" s="188"/>
      <c r="AH141" s="187"/>
      <c r="AI141" s="193"/>
      <c r="AJ141" s="193"/>
      <c r="AK141" s="188"/>
      <c r="AL141" s="187"/>
      <c r="AM141" s="193"/>
      <c r="AN141" s="193"/>
      <c r="AO141" s="188"/>
    </row>
    <row r="142" spans="1:41">
      <c r="A142" s="247" t="s">
        <v>303</v>
      </c>
      <c r="B142" s="57"/>
      <c r="C142" s="57"/>
      <c r="D142" s="57"/>
      <c r="E142" s="57"/>
      <c r="F142" s="57"/>
      <c r="G142" s="63"/>
      <c r="H142" s="232"/>
      <c r="I142" s="233"/>
      <c r="J142" s="196"/>
      <c r="K142" s="197"/>
      <c r="L142" s="197"/>
      <c r="M142" s="198"/>
      <c r="N142" s="196"/>
      <c r="O142" s="197"/>
      <c r="P142" s="197"/>
      <c r="Q142" s="198"/>
      <c r="R142" s="196"/>
      <c r="S142" s="197"/>
      <c r="T142" s="197"/>
      <c r="U142" s="198"/>
      <c r="V142" s="196"/>
      <c r="W142" s="197"/>
      <c r="X142" s="197"/>
      <c r="Y142" s="198"/>
      <c r="Z142" s="196"/>
      <c r="AA142" s="197"/>
      <c r="AB142" s="197"/>
      <c r="AC142" s="198"/>
      <c r="AD142" s="196"/>
      <c r="AE142" s="197"/>
      <c r="AF142" s="197"/>
      <c r="AG142" s="198"/>
      <c r="AH142" s="196"/>
      <c r="AI142" s="197"/>
      <c r="AJ142" s="197"/>
      <c r="AK142" s="198"/>
      <c r="AL142" s="196"/>
      <c r="AM142" s="197"/>
      <c r="AN142" s="197"/>
      <c r="AO142" s="198"/>
    </row>
    <row r="143" spans="1:41">
      <c r="A143" s="245" t="s">
        <v>304</v>
      </c>
      <c r="B143" s="51"/>
      <c r="C143" s="51"/>
      <c r="D143" s="51"/>
      <c r="E143" s="51"/>
      <c r="F143" s="51"/>
      <c r="G143" s="59"/>
      <c r="H143" s="232"/>
      <c r="I143" s="233"/>
      <c r="J143" s="185"/>
      <c r="K143" s="192"/>
      <c r="L143" s="192"/>
      <c r="M143" s="186"/>
      <c r="N143" s="185"/>
      <c r="O143" s="192"/>
      <c r="P143" s="192"/>
      <c r="Q143" s="186"/>
      <c r="R143" s="185"/>
      <c r="S143" s="192"/>
      <c r="T143" s="192"/>
      <c r="U143" s="186"/>
      <c r="V143" s="185"/>
      <c r="W143" s="192"/>
      <c r="X143" s="192"/>
      <c r="Y143" s="186"/>
      <c r="Z143" s="185"/>
      <c r="AA143" s="192"/>
      <c r="AB143" s="192"/>
      <c r="AC143" s="186"/>
      <c r="AD143" s="185"/>
      <c r="AE143" s="192"/>
      <c r="AF143" s="192"/>
      <c r="AG143" s="186"/>
      <c r="AH143" s="185"/>
      <c r="AI143" s="192"/>
      <c r="AJ143" s="192"/>
      <c r="AK143" s="186"/>
      <c r="AL143" s="185"/>
      <c r="AM143" s="192"/>
      <c r="AN143" s="192"/>
      <c r="AO143" s="186"/>
    </row>
    <row r="144" spans="1:41">
      <c r="A144" s="246" t="s">
        <v>305</v>
      </c>
      <c r="B144" s="54"/>
      <c r="C144" s="54"/>
      <c r="D144" s="54"/>
      <c r="E144" s="54"/>
      <c r="F144" s="54"/>
      <c r="G144" s="60"/>
      <c r="H144" s="232"/>
      <c r="I144" s="233"/>
      <c r="J144" s="187"/>
      <c r="K144" s="193"/>
      <c r="L144" s="193"/>
      <c r="M144" s="188"/>
      <c r="N144" s="187"/>
      <c r="O144" s="193"/>
      <c r="P144" s="193"/>
      <c r="Q144" s="188"/>
      <c r="R144" s="187"/>
      <c r="S144" s="193"/>
      <c r="T144" s="193"/>
      <c r="U144" s="188"/>
      <c r="V144" s="187"/>
      <c r="W144" s="193"/>
      <c r="X144" s="193"/>
      <c r="Y144" s="188"/>
      <c r="Z144" s="187"/>
      <c r="AA144" s="193"/>
      <c r="AB144" s="193"/>
      <c r="AC144" s="188"/>
      <c r="AD144" s="187"/>
      <c r="AE144" s="193"/>
      <c r="AF144" s="193"/>
      <c r="AG144" s="188"/>
      <c r="AH144" s="187"/>
      <c r="AI144" s="193"/>
      <c r="AJ144" s="193"/>
      <c r="AK144" s="188"/>
      <c r="AL144" s="187"/>
      <c r="AM144" s="193"/>
      <c r="AN144" s="193"/>
      <c r="AO144" s="188"/>
    </row>
    <row r="145" spans="1:41">
      <c r="A145" s="246" t="s">
        <v>306</v>
      </c>
      <c r="B145" s="54"/>
      <c r="C145" s="54"/>
      <c r="D145" s="54"/>
      <c r="E145" s="54"/>
      <c r="F145" s="54"/>
      <c r="G145" s="60"/>
      <c r="H145" s="232"/>
      <c r="I145" s="233"/>
      <c r="J145" s="187"/>
      <c r="K145" s="193"/>
      <c r="L145" s="193"/>
      <c r="M145" s="188"/>
      <c r="N145" s="187"/>
      <c r="O145" s="193"/>
      <c r="P145" s="193"/>
      <c r="Q145" s="188"/>
      <c r="R145" s="187"/>
      <c r="S145" s="193"/>
      <c r="T145" s="193"/>
      <c r="U145" s="188"/>
      <c r="V145" s="187"/>
      <c r="W145" s="193"/>
      <c r="X145" s="193"/>
      <c r="Y145" s="188"/>
      <c r="Z145" s="187"/>
      <c r="AA145" s="193"/>
      <c r="AB145" s="193"/>
      <c r="AC145" s="188"/>
      <c r="AD145" s="187"/>
      <c r="AE145" s="193"/>
      <c r="AF145" s="193"/>
      <c r="AG145" s="188"/>
      <c r="AH145" s="187"/>
      <c r="AI145" s="193"/>
      <c r="AJ145" s="193"/>
      <c r="AK145" s="188"/>
      <c r="AL145" s="187"/>
      <c r="AM145" s="193"/>
      <c r="AN145" s="193"/>
      <c r="AO145" s="188"/>
    </row>
    <row r="146" spans="1:41">
      <c r="A146" s="246" t="s">
        <v>307</v>
      </c>
      <c r="B146" s="54"/>
      <c r="C146" s="54"/>
      <c r="D146" s="54"/>
      <c r="E146" s="54"/>
      <c r="F146" s="54"/>
      <c r="G146" s="60"/>
      <c r="H146" s="232"/>
      <c r="I146" s="233"/>
      <c r="J146" s="187"/>
      <c r="K146" s="193"/>
      <c r="L146" s="193"/>
      <c r="M146" s="188"/>
      <c r="N146" s="187"/>
      <c r="O146" s="193"/>
      <c r="P146" s="193"/>
      <c r="Q146" s="188"/>
      <c r="R146" s="187"/>
      <c r="S146" s="193"/>
      <c r="T146" s="193"/>
      <c r="U146" s="188"/>
      <c r="V146" s="187"/>
      <c r="W146" s="193"/>
      <c r="X146" s="193"/>
      <c r="Y146" s="188"/>
      <c r="Z146" s="187"/>
      <c r="AA146" s="193"/>
      <c r="AB146" s="193"/>
      <c r="AC146" s="188"/>
      <c r="AD146" s="187"/>
      <c r="AE146" s="193"/>
      <c r="AF146" s="193"/>
      <c r="AG146" s="188"/>
      <c r="AH146" s="187"/>
      <c r="AI146" s="193"/>
      <c r="AJ146" s="193"/>
      <c r="AK146" s="188"/>
      <c r="AL146" s="187"/>
      <c r="AM146" s="193"/>
      <c r="AN146" s="193"/>
      <c r="AO146" s="188"/>
    </row>
    <row r="147" spans="1:41">
      <c r="A147" s="246" t="s">
        <v>308</v>
      </c>
      <c r="B147" s="54"/>
      <c r="C147" s="54"/>
      <c r="D147" s="54"/>
      <c r="E147" s="54"/>
      <c r="F147" s="54"/>
      <c r="G147" s="60"/>
      <c r="H147" s="232"/>
      <c r="I147" s="233"/>
      <c r="J147" s="187"/>
      <c r="K147" s="193"/>
      <c r="L147" s="193"/>
      <c r="M147" s="188"/>
      <c r="N147" s="187"/>
      <c r="O147" s="193"/>
      <c r="P147" s="193"/>
      <c r="Q147" s="188"/>
      <c r="R147" s="187"/>
      <c r="S147" s="193"/>
      <c r="T147" s="193"/>
      <c r="U147" s="188"/>
      <c r="V147" s="187"/>
      <c r="W147" s="193"/>
      <c r="X147" s="193"/>
      <c r="Y147" s="188"/>
      <c r="Z147" s="187"/>
      <c r="AA147" s="193"/>
      <c r="AB147" s="193"/>
      <c r="AC147" s="188"/>
      <c r="AD147" s="187"/>
      <c r="AE147" s="193"/>
      <c r="AF147" s="193"/>
      <c r="AG147" s="188"/>
      <c r="AH147" s="187"/>
      <c r="AI147" s="193"/>
      <c r="AJ147" s="193"/>
      <c r="AK147" s="188"/>
      <c r="AL147" s="187"/>
      <c r="AM147" s="193"/>
      <c r="AN147" s="193"/>
      <c r="AO147" s="188"/>
    </row>
    <row r="148" spans="1:41">
      <c r="A148" s="246" t="s">
        <v>309</v>
      </c>
      <c r="B148" s="54"/>
      <c r="C148" s="54"/>
      <c r="D148" s="54"/>
      <c r="E148" s="54"/>
      <c r="F148" s="54"/>
      <c r="G148" s="60"/>
      <c r="H148" s="232"/>
      <c r="I148" s="233"/>
      <c r="J148" s="187"/>
      <c r="K148" s="193"/>
      <c r="L148" s="193"/>
      <c r="M148" s="188"/>
      <c r="N148" s="187"/>
      <c r="O148" s="193"/>
      <c r="P148" s="193"/>
      <c r="Q148" s="188"/>
      <c r="R148" s="187"/>
      <c r="S148" s="193"/>
      <c r="T148" s="193"/>
      <c r="U148" s="188"/>
      <c r="V148" s="187"/>
      <c r="W148" s="193"/>
      <c r="X148" s="193"/>
      <c r="Y148" s="188"/>
      <c r="Z148" s="187"/>
      <c r="AA148" s="193"/>
      <c r="AB148" s="193"/>
      <c r="AC148" s="188"/>
      <c r="AD148" s="187"/>
      <c r="AE148" s="193"/>
      <c r="AF148" s="193"/>
      <c r="AG148" s="188"/>
      <c r="AH148" s="187"/>
      <c r="AI148" s="193"/>
      <c r="AJ148" s="193"/>
      <c r="AK148" s="188"/>
      <c r="AL148" s="187"/>
      <c r="AM148" s="193"/>
      <c r="AN148" s="193"/>
      <c r="AO148" s="188"/>
    </row>
    <row r="149" spans="1:41">
      <c r="A149" s="246" t="s">
        <v>310</v>
      </c>
      <c r="B149" s="54"/>
      <c r="C149" s="54"/>
      <c r="D149" s="54"/>
      <c r="E149" s="54"/>
      <c r="F149" s="54"/>
      <c r="G149" s="60"/>
      <c r="H149" s="232"/>
      <c r="I149" s="233"/>
      <c r="J149" s="187"/>
      <c r="K149" s="193"/>
      <c r="L149" s="193"/>
      <c r="M149" s="188"/>
      <c r="N149" s="187"/>
      <c r="O149" s="193"/>
      <c r="P149" s="193"/>
      <c r="Q149" s="188"/>
      <c r="R149" s="187"/>
      <c r="S149" s="193"/>
      <c r="T149" s="193"/>
      <c r="U149" s="188"/>
      <c r="V149" s="187"/>
      <c r="W149" s="193"/>
      <c r="X149" s="193"/>
      <c r="Y149" s="188"/>
      <c r="Z149" s="187"/>
      <c r="AA149" s="193"/>
      <c r="AB149" s="193"/>
      <c r="AC149" s="188"/>
      <c r="AD149" s="187"/>
      <c r="AE149" s="193"/>
      <c r="AF149" s="193"/>
      <c r="AG149" s="188"/>
      <c r="AH149" s="187"/>
      <c r="AI149" s="193"/>
      <c r="AJ149" s="193"/>
      <c r="AK149" s="188"/>
      <c r="AL149" s="187"/>
      <c r="AM149" s="193"/>
      <c r="AN149" s="193"/>
      <c r="AO149" s="188"/>
    </row>
    <row r="150" spans="1:41">
      <c r="A150" s="246" t="s">
        <v>311</v>
      </c>
      <c r="B150" s="54"/>
      <c r="C150" s="54"/>
      <c r="D150" s="54"/>
      <c r="E150" s="54"/>
      <c r="F150" s="54"/>
      <c r="G150" s="60"/>
      <c r="H150" s="232"/>
      <c r="I150" s="233"/>
      <c r="J150" s="187"/>
      <c r="K150" s="193"/>
      <c r="L150" s="193"/>
      <c r="M150" s="188"/>
      <c r="N150" s="187"/>
      <c r="O150" s="193"/>
      <c r="P150" s="193"/>
      <c r="Q150" s="188"/>
      <c r="R150" s="187"/>
      <c r="S150" s="193"/>
      <c r="T150" s="193"/>
      <c r="U150" s="188"/>
      <c r="V150" s="187"/>
      <c r="W150" s="193"/>
      <c r="X150" s="193"/>
      <c r="Y150" s="188"/>
      <c r="Z150" s="187"/>
      <c r="AA150" s="193"/>
      <c r="AB150" s="193"/>
      <c r="AC150" s="188"/>
      <c r="AD150" s="187"/>
      <c r="AE150" s="193"/>
      <c r="AF150" s="193"/>
      <c r="AG150" s="188"/>
      <c r="AH150" s="187"/>
      <c r="AI150" s="193"/>
      <c r="AJ150" s="193"/>
      <c r="AK150" s="188"/>
      <c r="AL150" s="187"/>
      <c r="AM150" s="193"/>
      <c r="AN150" s="193"/>
      <c r="AO150" s="188"/>
    </row>
    <row r="151" spans="1:41">
      <c r="A151" s="246" t="s">
        <v>312</v>
      </c>
      <c r="B151" s="54"/>
      <c r="C151" s="54"/>
      <c r="D151" s="54"/>
      <c r="E151" s="54"/>
      <c r="F151" s="54"/>
      <c r="G151" s="60"/>
      <c r="H151" s="232"/>
      <c r="I151" s="233"/>
      <c r="J151" s="187"/>
      <c r="K151" s="193"/>
      <c r="L151" s="193"/>
      <c r="M151" s="188"/>
      <c r="N151" s="187"/>
      <c r="O151" s="193"/>
      <c r="P151" s="193"/>
      <c r="Q151" s="188"/>
      <c r="R151" s="187"/>
      <c r="S151" s="193"/>
      <c r="T151" s="193"/>
      <c r="U151" s="188"/>
      <c r="V151" s="187"/>
      <c r="W151" s="193"/>
      <c r="X151" s="193"/>
      <c r="Y151" s="188"/>
      <c r="Z151" s="187"/>
      <c r="AA151" s="193"/>
      <c r="AB151" s="193"/>
      <c r="AC151" s="188"/>
      <c r="AD151" s="187"/>
      <c r="AE151" s="193"/>
      <c r="AF151" s="193"/>
      <c r="AG151" s="188"/>
      <c r="AH151" s="187"/>
      <c r="AI151" s="193"/>
      <c r="AJ151" s="193"/>
      <c r="AK151" s="188"/>
      <c r="AL151" s="187"/>
      <c r="AM151" s="193"/>
      <c r="AN151" s="193"/>
      <c r="AO151" s="188"/>
    </row>
    <row r="152" spans="1:41" ht="15" thickBot="1">
      <c r="A152" s="252" t="s">
        <v>313</v>
      </c>
      <c r="B152" s="61"/>
      <c r="C152" s="61"/>
      <c r="D152" s="61"/>
      <c r="E152" s="61"/>
      <c r="F152" s="61"/>
      <c r="G152" s="62"/>
      <c r="H152" s="234"/>
      <c r="I152" s="235"/>
      <c r="J152" s="201"/>
      <c r="K152" s="202"/>
      <c r="L152" s="202"/>
      <c r="M152" s="203"/>
      <c r="N152" s="201"/>
      <c r="O152" s="202"/>
      <c r="P152" s="202"/>
      <c r="Q152" s="203"/>
      <c r="R152" s="201"/>
      <c r="S152" s="202"/>
      <c r="T152" s="202"/>
      <c r="U152" s="203"/>
      <c r="V152" s="201"/>
      <c r="W152" s="202"/>
      <c r="X152" s="202"/>
      <c r="Y152" s="203"/>
      <c r="Z152" s="201"/>
      <c r="AA152" s="202"/>
      <c r="AB152" s="202"/>
      <c r="AC152" s="203"/>
      <c r="AD152" s="201"/>
      <c r="AE152" s="202"/>
      <c r="AF152" s="202"/>
      <c r="AG152" s="203"/>
      <c r="AH152" s="201"/>
      <c r="AI152" s="202"/>
      <c r="AJ152" s="202"/>
      <c r="AK152" s="203"/>
      <c r="AL152" s="201"/>
      <c r="AM152" s="202"/>
      <c r="AN152" s="202"/>
      <c r="AO152" s="203"/>
    </row>
    <row r="153" spans="1:41">
      <c r="A153" s="253" t="s">
        <v>9</v>
      </c>
      <c r="B153" s="151" t="s">
        <v>369</v>
      </c>
      <c r="C153" s="94"/>
      <c r="D153" s="94"/>
      <c r="E153" s="254"/>
      <c r="F153" s="253" t="s">
        <v>129</v>
      </c>
      <c r="G153" s="254"/>
      <c r="H153" s="302" t="s">
        <v>155</v>
      </c>
      <c r="I153" s="302" t="s">
        <v>314</v>
      </c>
      <c r="J153" s="322" t="s">
        <v>315</v>
      </c>
      <c r="K153" s="216" t="s">
        <v>376</v>
      </c>
      <c r="L153" s="326" t="s">
        <v>377</v>
      </c>
      <c r="M153" s="217" t="s">
        <v>378</v>
      </c>
      <c r="N153" s="205"/>
      <c r="O153" s="205"/>
      <c r="P153" s="205"/>
      <c r="Q153" s="205"/>
      <c r="R153" s="205"/>
      <c r="S153" s="205"/>
      <c r="T153" s="205"/>
      <c r="U153" s="205"/>
      <c r="V153" s="205"/>
      <c r="W153" s="205"/>
      <c r="X153" s="205"/>
      <c r="Y153" s="205"/>
      <c r="Z153" s="205"/>
      <c r="AA153" s="205"/>
      <c r="AB153" s="205"/>
      <c r="AC153" s="205"/>
      <c r="AD153" s="205"/>
    </row>
    <row r="154" spans="1:41">
      <c r="A154" s="95"/>
      <c r="B154" s="206" t="s">
        <v>131</v>
      </c>
      <c r="C154" s="67" t="s">
        <v>180</v>
      </c>
      <c r="D154" s="207"/>
      <c r="E154" s="268"/>
      <c r="F154" s="272" t="s">
        <v>130</v>
      </c>
      <c r="G154" s="43"/>
      <c r="H154" s="120"/>
      <c r="I154" s="120"/>
      <c r="J154" s="323"/>
      <c r="K154" s="129"/>
      <c r="L154" s="136"/>
      <c r="M154" s="122"/>
      <c r="N154" s="205"/>
      <c r="O154" s="205"/>
      <c r="P154" s="205"/>
      <c r="Q154" s="205"/>
      <c r="R154" s="205"/>
      <c r="S154" s="205"/>
      <c r="T154" s="205"/>
      <c r="U154" s="205"/>
      <c r="V154" s="205"/>
      <c r="W154" s="205"/>
      <c r="X154" s="205"/>
      <c r="Y154" s="205"/>
      <c r="Z154" s="205"/>
      <c r="AA154" s="205"/>
      <c r="AB154" s="205"/>
      <c r="AC154" s="205"/>
      <c r="AD154" s="205"/>
    </row>
    <row r="155" spans="1:41">
      <c r="A155" s="95"/>
      <c r="B155" s="208"/>
      <c r="C155" s="93" t="s">
        <v>181</v>
      </c>
      <c r="D155" s="67"/>
      <c r="E155" s="268"/>
      <c r="F155" s="272" t="s">
        <v>130</v>
      </c>
      <c r="G155" s="43"/>
      <c r="H155" s="120"/>
      <c r="I155" s="120"/>
      <c r="J155" s="323"/>
      <c r="K155" s="129"/>
      <c r="L155" s="136"/>
      <c r="M155" s="122"/>
      <c r="N155" s="205"/>
      <c r="O155" s="205"/>
      <c r="P155" s="205"/>
      <c r="Q155" s="205"/>
      <c r="R155" s="205"/>
      <c r="S155" s="205"/>
      <c r="T155" s="205"/>
      <c r="U155" s="205"/>
      <c r="V155" s="205"/>
      <c r="W155" s="205"/>
      <c r="X155" s="205"/>
      <c r="Y155" s="205"/>
      <c r="Z155" s="205"/>
      <c r="AA155" s="205"/>
      <c r="AB155" s="205"/>
      <c r="AC155" s="205"/>
      <c r="AD155" s="205"/>
    </row>
    <row r="156" spans="1:41">
      <c r="A156" s="95"/>
      <c r="B156" s="208"/>
      <c r="C156" s="210" t="s">
        <v>348</v>
      </c>
      <c r="D156" s="271" t="s">
        <v>354</v>
      </c>
      <c r="E156" s="276"/>
      <c r="F156" s="277" t="s">
        <v>130</v>
      </c>
      <c r="G156" s="273"/>
      <c r="H156" s="120"/>
      <c r="I156" s="120"/>
      <c r="J156" s="323"/>
      <c r="K156" s="129"/>
      <c r="L156" s="136"/>
      <c r="M156" s="122"/>
      <c r="N156" s="205"/>
      <c r="O156" s="205"/>
      <c r="P156" s="205"/>
      <c r="Q156" s="205"/>
      <c r="R156" s="205"/>
      <c r="S156" s="205"/>
      <c r="T156" s="205"/>
      <c r="U156" s="205"/>
      <c r="V156" s="205"/>
      <c r="W156" s="205"/>
      <c r="X156" s="205"/>
      <c r="Y156" s="205"/>
      <c r="Z156" s="205"/>
      <c r="AA156" s="205"/>
      <c r="AB156" s="205"/>
      <c r="AC156" s="205"/>
      <c r="AD156" s="205"/>
    </row>
    <row r="157" spans="1:41">
      <c r="A157" s="95"/>
      <c r="B157" s="208"/>
      <c r="C157" s="211"/>
      <c r="D157" s="271" t="s">
        <v>355</v>
      </c>
      <c r="E157" s="276"/>
      <c r="F157" s="277" t="s">
        <v>357</v>
      </c>
      <c r="G157" s="273"/>
      <c r="H157" s="120"/>
      <c r="I157" s="120"/>
      <c r="J157" s="323"/>
      <c r="K157" s="129"/>
      <c r="L157" s="136"/>
      <c r="M157" s="122"/>
      <c r="N157" s="205"/>
      <c r="O157" s="205"/>
      <c r="P157" s="205"/>
      <c r="Q157" s="205"/>
      <c r="R157" s="205"/>
      <c r="S157" s="205"/>
      <c r="T157" s="205"/>
      <c r="U157" s="205"/>
      <c r="V157" s="205"/>
      <c r="W157" s="205"/>
      <c r="X157" s="205"/>
      <c r="Y157" s="205"/>
      <c r="Z157" s="205"/>
      <c r="AA157" s="205"/>
      <c r="AB157" s="205"/>
      <c r="AC157" s="205"/>
      <c r="AD157" s="205"/>
    </row>
    <row r="158" spans="1:41">
      <c r="A158" s="95"/>
      <c r="B158" s="208"/>
      <c r="C158" s="211"/>
      <c r="D158" s="271" t="s">
        <v>356</v>
      </c>
      <c r="E158" s="276"/>
      <c r="F158" s="277" t="s">
        <v>130</v>
      </c>
      <c r="G158" s="273"/>
      <c r="H158" s="120"/>
      <c r="I158" s="120"/>
      <c r="J158" s="323"/>
      <c r="K158" s="129"/>
      <c r="L158" s="136"/>
      <c r="M158" s="122"/>
      <c r="N158" s="205"/>
      <c r="O158" s="205"/>
      <c r="P158" s="205"/>
      <c r="Q158" s="205"/>
      <c r="R158" s="205"/>
      <c r="S158" s="205"/>
      <c r="T158" s="205"/>
      <c r="U158" s="205"/>
      <c r="V158" s="205"/>
      <c r="W158" s="205"/>
      <c r="X158" s="205"/>
      <c r="Y158" s="205"/>
      <c r="Z158" s="205"/>
      <c r="AA158" s="205"/>
      <c r="AB158" s="205"/>
      <c r="AC158" s="205"/>
      <c r="AD158" s="205"/>
    </row>
    <row r="159" spans="1:41">
      <c r="A159" s="95"/>
      <c r="B159" s="208"/>
      <c r="C159" s="211"/>
      <c r="D159" s="271" t="s">
        <v>358</v>
      </c>
      <c r="E159" s="276"/>
      <c r="F159" s="277" t="s">
        <v>359</v>
      </c>
      <c r="G159" s="273"/>
      <c r="H159" s="120"/>
      <c r="I159" s="120"/>
      <c r="J159" s="323"/>
      <c r="K159" s="129"/>
      <c r="L159" s="136"/>
      <c r="M159" s="122"/>
      <c r="N159" s="205"/>
      <c r="O159" s="205"/>
      <c r="P159" s="205"/>
      <c r="Q159" s="205"/>
      <c r="R159" s="205"/>
      <c r="S159" s="205"/>
      <c r="T159" s="205"/>
      <c r="U159" s="205"/>
      <c r="V159" s="205"/>
      <c r="W159" s="205"/>
      <c r="X159" s="205"/>
      <c r="Y159" s="205"/>
      <c r="Z159" s="205"/>
      <c r="AA159" s="205"/>
      <c r="AB159" s="205"/>
      <c r="AC159" s="205"/>
      <c r="AD159" s="205"/>
    </row>
    <row r="160" spans="1:41">
      <c r="A160" s="95"/>
      <c r="B160" s="208"/>
      <c r="C160" s="70"/>
      <c r="D160" s="271" t="s">
        <v>349</v>
      </c>
      <c r="E160" s="276"/>
      <c r="F160" s="277" t="s">
        <v>130</v>
      </c>
      <c r="G160" s="273"/>
      <c r="H160" s="120"/>
      <c r="I160" s="120"/>
      <c r="J160" s="323"/>
      <c r="K160" s="129"/>
      <c r="L160" s="136"/>
      <c r="M160" s="122"/>
      <c r="N160" s="205"/>
      <c r="O160" s="205"/>
      <c r="P160" s="205"/>
      <c r="Q160" s="205"/>
      <c r="R160" s="205"/>
      <c r="S160" s="205"/>
      <c r="T160" s="205"/>
      <c r="U160" s="205"/>
      <c r="V160" s="205"/>
      <c r="W160" s="205"/>
      <c r="X160" s="205"/>
      <c r="Y160" s="205"/>
      <c r="Z160" s="205"/>
      <c r="AA160" s="205"/>
      <c r="AB160" s="205"/>
      <c r="AC160" s="205"/>
      <c r="AD160" s="205"/>
    </row>
    <row r="161" spans="1:41">
      <c r="A161" s="95"/>
      <c r="B161" s="208"/>
      <c r="C161" s="206" t="s">
        <v>211</v>
      </c>
      <c r="D161" s="67" t="s">
        <v>361</v>
      </c>
      <c r="E161" s="268"/>
      <c r="F161" s="272" t="s">
        <v>130</v>
      </c>
      <c r="G161" s="43"/>
      <c r="H161" s="120"/>
      <c r="I161" s="120"/>
      <c r="J161" s="323"/>
      <c r="K161" s="129"/>
      <c r="L161" s="136"/>
      <c r="M161" s="122"/>
      <c r="N161" s="205"/>
      <c r="O161" s="205"/>
      <c r="P161" s="205"/>
      <c r="Q161" s="205"/>
      <c r="R161" s="205"/>
      <c r="S161" s="205"/>
      <c r="T161" s="205"/>
      <c r="U161" s="205"/>
      <c r="V161" s="205"/>
      <c r="W161" s="205"/>
      <c r="X161" s="205"/>
      <c r="Y161" s="205"/>
      <c r="Z161" s="205"/>
      <c r="AA161" s="205"/>
      <c r="AB161" s="205"/>
      <c r="AC161" s="205"/>
      <c r="AD161" s="205"/>
    </row>
    <row r="162" spans="1:41">
      <c r="A162" s="95"/>
      <c r="B162" s="208"/>
      <c r="C162" s="208"/>
      <c r="D162" s="271" t="s">
        <v>360</v>
      </c>
      <c r="E162" s="276"/>
      <c r="F162" s="277" t="s">
        <v>357</v>
      </c>
      <c r="G162" s="273"/>
      <c r="H162" s="120"/>
      <c r="I162" s="120"/>
      <c r="J162" s="323"/>
      <c r="K162" s="129"/>
      <c r="L162" s="136"/>
      <c r="M162" s="122"/>
      <c r="N162" s="205"/>
      <c r="O162" s="205"/>
      <c r="P162" s="205"/>
      <c r="Q162" s="205"/>
      <c r="R162" s="205"/>
      <c r="S162" s="205"/>
      <c r="T162" s="205"/>
      <c r="U162" s="205"/>
      <c r="V162" s="205"/>
      <c r="W162" s="205"/>
      <c r="X162" s="205"/>
      <c r="Y162" s="205"/>
      <c r="Z162" s="205"/>
      <c r="AA162" s="205"/>
      <c r="AB162" s="205"/>
      <c r="AC162" s="205"/>
      <c r="AD162" s="205"/>
    </row>
    <row r="163" spans="1:41">
      <c r="A163" s="95"/>
      <c r="B163" s="208"/>
      <c r="C163" s="208"/>
      <c r="D163" s="271" t="s">
        <v>362</v>
      </c>
      <c r="E163" s="276"/>
      <c r="F163" s="277" t="s">
        <v>130</v>
      </c>
      <c r="G163" s="273"/>
      <c r="H163" s="120"/>
      <c r="I163" s="120"/>
      <c r="J163" s="323"/>
      <c r="K163" s="129"/>
      <c r="L163" s="136"/>
      <c r="M163" s="122"/>
      <c r="N163" s="205"/>
      <c r="O163" s="205"/>
      <c r="P163" s="205"/>
      <c r="Q163" s="205"/>
      <c r="R163" s="205"/>
      <c r="S163" s="205"/>
      <c r="T163" s="205"/>
      <c r="U163" s="205"/>
      <c r="V163" s="205"/>
      <c r="W163" s="205"/>
      <c r="X163" s="205"/>
      <c r="Y163" s="205"/>
      <c r="Z163" s="205"/>
      <c r="AA163" s="205"/>
      <c r="AB163" s="205"/>
      <c r="AC163" s="205"/>
      <c r="AD163" s="205"/>
    </row>
    <row r="164" spans="1:41">
      <c r="A164" s="95"/>
      <c r="B164" s="208"/>
      <c r="C164" s="70"/>
      <c r="D164" s="271" t="s">
        <v>363</v>
      </c>
      <c r="E164" s="276"/>
      <c r="F164" s="277" t="s">
        <v>364</v>
      </c>
      <c r="G164" s="273"/>
      <c r="H164" s="120"/>
      <c r="I164" s="120"/>
      <c r="J164" s="323"/>
      <c r="K164" s="129"/>
      <c r="L164" s="136"/>
      <c r="M164" s="122"/>
      <c r="N164" s="205"/>
      <c r="O164" s="205"/>
      <c r="P164" s="205"/>
      <c r="Q164" s="205"/>
      <c r="R164" s="205"/>
      <c r="S164" s="205"/>
      <c r="T164" s="205"/>
      <c r="U164" s="205"/>
      <c r="V164" s="205"/>
      <c r="W164" s="205"/>
      <c r="X164" s="205"/>
      <c r="Y164" s="205"/>
      <c r="Z164" s="205"/>
      <c r="AA164" s="205"/>
      <c r="AB164" s="205"/>
      <c r="AC164" s="205"/>
      <c r="AD164" s="205"/>
    </row>
    <row r="165" spans="1:41">
      <c r="A165" s="95"/>
      <c r="B165" s="209"/>
      <c r="C165" s="67" t="s">
        <v>235</v>
      </c>
      <c r="D165" s="244"/>
      <c r="E165" s="269"/>
      <c r="F165" s="272" t="s">
        <v>130</v>
      </c>
      <c r="G165" s="43"/>
      <c r="H165" s="120"/>
      <c r="I165" s="120"/>
      <c r="J165" s="323"/>
      <c r="K165" s="129"/>
      <c r="L165" s="136"/>
      <c r="M165" s="122"/>
      <c r="N165" s="205"/>
      <c r="O165" s="205"/>
      <c r="P165" s="205"/>
      <c r="Q165" s="205"/>
      <c r="R165" s="205"/>
      <c r="S165" s="205"/>
      <c r="T165" s="205"/>
      <c r="U165" s="205"/>
      <c r="V165" s="205"/>
      <c r="W165" s="205"/>
      <c r="X165" s="205"/>
      <c r="Y165" s="205"/>
      <c r="Z165" s="205"/>
      <c r="AA165" s="205"/>
      <c r="AB165" s="205"/>
      <c r="AC165" s="205"/>
      <c r="AD165" s="205"/>
    </row>
    <row r="166" spans="1:41" ht="15" thickBot="1">
      <c r="A166" s="95"/>
      <c r="B166" s="67" t="s">
        <v>132</v>
      </c>
      <c r="C166" s="274"/>
      <c r="D166" s="274"/>
      <c r="E166" s="270"/>
      <c r="F166" s="272" t="s">
        <v>130</v>
      </c>
      <c r="G166" s="43"/>
      <c r="H166" s="120"/>
      <c r="I166" s="120"/>
      <c r="J166" s="323"/>
      <c r="K166" s="129"/>
      <c r="L166" s="136"/>
      <c r="M166" s="122"/>
      <c r="N166" s="205"/>
      <c r="O166" s="205"/>
      <c r="P166" s="205"/>
      <c r="Q166" s="205"/>
      <c r="R166" s="205"/>
      <c r="S166" s="205"/>
      <c r="T166" s="205"/>
      <c r="U166" s="205"/>
      <c r="V166" s="205"/>
      <c r="W166" s="205"/>
      <c r="X166" s="205"/>
      <c r="Y166" s="205"/>
      <c r="Z166" s="205"/>
      <c r="AA166" s="205"/>
      <c r="AB166" s="205"/>
      <c r="AC166" s="205"/>
      <c r="AD166" s="205"/>
    </row>
    <row r="167" spans="1:41">
      <c r="A167" s="95"/>
      <c r="B167" s="211" t="s">
        <v>133</v>
      </c>
      <c r="C167" s="271" t="s">
        <v>353</v>
      </c>
      <c r="D167" s="172"/>
      <c r="E167" s="269"/>
      <c r="F167" s="272" t="s">
        <v>134</v>
      </c>
      <c r="G167" s="273"/>
      <c r="H167" s="120"/>
      <c r="I167" s="120"/>
      <c r="J167" s="323"/>
      <c r="K167" s="129"/>
      <c r="L167" s="136"/>
      <c r="M167" s="122"/>
      <c r="N167" s="324" t="s">
        <v>368</v>
      </c>
      <c r="O167" s="278"/>
      <c r="P167" s="205"/>
      <c r="Q167" s="205"/>
      <c r="R167" s="205"/>
      <c r="S167" s="205"/>
      <c r="T167" s="205"/>
      <c r="U167" s="205"/>
      <c r="V167" s="205"/>
      <c r="W167" s="205"/>
      <c r="X167" s="205"/>
      <c r="Y167" s="205"/>
      <c r="Z167" s="205"/>
      <c r="AA167" s="205"/>
      <c r="AB167" s="205"/>
      <c r="AC167" s="205"/>
      <c r="AD167" s="205"/>
    </row>
    <row r="168" spans="1:41">
      <c r="A168" s="95"/>
      <c r="B168" s="275"/>
      <c r="C168" s="271" t="s">
        <v>365</v>
      </c>
      <c r="D168" s="172"/>
      <c r="E168" s="269"/>
      <c r="F168" s="272" t="s">
        <v>134</v>
      </c>
      <c r="G168" s="273"/>
      <c r="H168" s="120"/>
      <c r="I168" s="120"/>
      <c r="J168" s="323"/>
      <c r="K168" s="129"/>
      <c r="L168" s="136"/>
      <c r="M168" s="122"/>
      <c r="N168" s="325" t="s">
        <v>367</v>
      </c>
      <c r="O168" s="279"/>
      <c r="P168" s="205"/>
      <c r="Q168" s="205"/>
      <c r="R168" s="205"/>
      <c r="S168" s="205"/>
      <c r="T168" s="205"/>
      <c r="U168" s="205"/>
      <c r="V168" s="205"/>
      <c r="W168" s="205"/>
      <c r="X168" s="205"/>
      <c r="Y168" s="205"/>
      <c r="Z168" s="205"/>
      <c r="AA168" s="205"/>
      <c r="AB168" s="205"/>
      <c r="AC168" s="205"/>
      <c r="AD168" s="205"/>
    </row>
    <row r="169" spans="1:41" ht="15" thickBot="1">
      <c r="A169" s="95"/>
      <c r="B169" s="275"/>
      <c r="C169" s="275" t="s">
        <v>366</v>
      </c>
      <c r="D169" s="320"/>
      <c r="E169" s="321"/>
      <c r="F169" s="327" t="s">
        <v>134</v>
      </c>
      <c r="G169" s="328"/>
      <c r="H169" s="144"/>
      <c r="I169" s="144"/>
      <c r="J169" s="329"/>
      <c r="K169" s="225"/>
      <c r="L169" s="166"/>
      <c r="M169" s="168"/>
      <c r="N169" s="330" t="s">
        <v>370</v>
      </c>
      <c r="O169" s="331"/>
      <c r="P169" s="205"/>
      <c r="Q169" s="205"/>
      <c r="R169" s="205"/>
      <c r="S169" s="205"/>
      <c r="T169" s="205"/>
      <c r="U169" s="205"/>
      <c r="V169" s="205"/>
      <c r="W169" s="205"/>
      <c r="X169" s="205"/>
      <c r="Y169" s="205"/>
      <c r="Z169" s="205"/>
      <c r="AA169" s="205"/>
      <c r="AB169" s="205"/>
      <c r="AC169" s="205"/>
      <c r="AD169" s="205"/>
    </row>
    <row r="170" spans="1:41" s="286" customFormat="1">
      <c r="A170" s="280"/>
      <c r="B170" s="281"/>
      <c r="C170" s="281"/>
      <c r="D170" s="281"/>
      <c r="E170" s="281"/>
      <c r="F170" s="281"/>
      <c r="G170" s="282"/>
      <c r="H170" s="230"/>
      <c r="I170" s="231"/>
      <c r="J170" s="332"/>
      <c r="K170" s="281"/>
      <c r="L170" s="281"/>
      <c r="M170" s="282"/>
      <c r="N170" s="332"/>
      <c r="O170" s="281"/>
      <c r="P170" s="281"/>
      <c r="Q170" s="282"/>
      <c r="R170" s="332"/>
      <c r="S170" s="281"/>
      <c r="T170" s="281"/>
      <c r="U170" s="282"/>
      <c r="V170" s="332"/>
      <c r="W170" s="281"/>
      <c r="X170" s="281"/>
      <c r="Y170" s="282"/>
      <c r="Z170" s="332"/>
      <c r="AA170" s="281"/>
      <c r="AB170" s="281"/>
      <c r="AC170" s="282"/>
      <c r="AD170" s="332"/>
      <c r="AE170" s="281"/>
      <c r="AF170" s="281"/>
      <c r="AG170" s="282"/>
      <c r="AH170" s="332"/>
      <c r="AI170" s="281"/>
      <c r="AJ170" s="281"/>
      <c r="AK170" s="282"/>
      <c r="AL170" s="332"/>
      <c r="AM170" s="281"/>
      <c r="AN170" s="281"/>
      <c r="AO170" s="282"/>
    </row>
    <row r="171" spans="1:41" s="286" customFormat="1">
      <c r="A171" s="246"/>
      <c r="B171" s="287"/>
      <c r="C171" s="287"/>
      <c r="D171" s="287"/>
      <c r="E171" s="287"/>
      <c r="F171" s="287"/>
      <c r="G171" s="288"/>
      <c r="H171" s="232"/>
      <c r="I171" s="233"/>
      <c r="J171" s="289"/>
      <c r="K171" s="287"/>
      <c r="L171" s="287"/>
      <c r="M171" s="288"/>
      <c r="N171" s="289"/>
      <c r="O171" s="287"/>
      <c r="P171" s="287"/>
      <c r="Q171" s="288"/>
      <c r="R171" s="289"/>
      <c r="S171" s="287"/>
      <c r="T171" s="287"/>
      <c r="U171" s="288"/>
      <c r="V171" s="289"/>
      <c r="W171" s="287"/>
      <c r="X171" s="287"/>
      <c r="Y171" s="288"/>
      <c r="Z171" s="289"/>
      <c r="AA171" s="287"/>
      <c r="AB171" s="287"/>
      <c r="AC171" s="288"/>
      <c r="AD171" s="289"/>
      <c r="AE171" s="287"/>
      <c r="AF171" s="287"/>
      <c r="AG171" s="288"/>
      <c r="AH171" s="289"/>
      <c r="AI171" s="287"/>
      <c r="AJ171" s="287"/>
      <c r="AK171" s="288"/>
      <c r="AL171" s="289"/>
      <c r="AM171" s="287"/>
      <c r="AN171" s="287"/>
      <c r="AO171" s="288"/>
    </row>
    <row r="172" spans="1:41" s="286" customFormat="1">
      <c r="A172" s="246"/>
      <c r="B172" s="287"/>
      <c r="C172" s="287"/>
      <c r="D172" s="287"/>
      <c r="E172" s="287"/>
      <c r="F172" s="287"/>
      <c r="G172" s="288"/>
      <c r="H172" s="232"/>
      <c r="I172" s="233"/>
      <c r="J172" s="289"/>
      <c r="K172" s="287"/>
      <c r="L172" s="287"/>
      <c r="M172" s="288"/>
      <c r="N172" s="289"/>
      <c r="O172" s="287"/>
      <c r="P172" s="287"/>
      <c r="Q172" s="288"/>
      <c r="R172" s="289"/>
      <c r="S172" s="287"/>
      <c r="T172" s="287"/>
      <c r="U172" s="288"/>
      <c r="V172" s="289"/>
      <c r="W172" s="287"/>
      <c r="X172" s="287"/>
      <c r="Y172" s="288"/>
      <c r="Z172" s="289"/>
      <c r="AA172" s="287"/>
      <c r="AB172" s="287"/>
      <c r="AC172" s="288"/>
      <c r="AD172" s="289"/>
      <c r="AE172" s="287"/>
      <c r="AF172" s="287"/>
      <c r="AG172" s="288"/>
      <c r="AH172" s="289"/>
      <c r="AI172" s="287"/>
      <c r="AJ172" s="287"/>
      <c r="AK172" s="288"/>
      <c r="AL172" s="289"/>
      <c r="AM172" s="287"/>
      <c r="AN172" s="287"/>
      <c r="AO172" s="288"/>
    </row>
    <row r="173" spans="1:41" s="286" customFormat="1">
      <c r="A173" s="246"/>
      <c r="B173" s="287"/>
      <c r="C173" s="287"/>
      <c r="D173" s="287"/>
      <c r="E173" s="287"/>
      <c r="F173" s="287"/>
      <c r="G173" s="288"/>
      <c r="H173" s="232"/>
      <c r="I173" s="233"/>
      <c r="J173" s="289"/>
      <c r="K173" s="287"/>
      <c r="L173" s="287"/>
      <c r="M173" s="288"/>
      <c r="N173" s="289"/>
      <c r="O173" s="287"/>
      <c r="P173" s="287"/>
      <c r="Q173" s="288"/>
      <c r="R173" s="289"/>
      <c r="S173" s="287"/>
      <c r="T173" s="287"/>
      <c r="U173" s="288"/>
      <c r="V173" s="289"/>
      <c r="W173" s="287"/>
      <c r="X173" s="287"/>
      <c r="Y173" s="288"/>
      <c r="Z173" s="289"/>
      <c r="AA173" s="287"/>
      <c r="AB173" s="287"/>
      <c r="AC173" s="288"/>
      <c r="AD173" s="289"/>
      <c r="AE173" s="287"/>
      <c r="AF173" s="287"/>
      <c r="AG173" s="288"/>
      <c r="AH173" s="289"/>
      <c r="AI173" s="287"/>
      <c r="AJ173" s="287"/>
      <c r="AK173" s="288"/>
      <c r="AL173" s="289"/>
      <c r="AM173" s="287"/>
      <c r="AN173" s="287"/>
      <c r="AO173" s="288"/>
    </row>
    <row r="174" spans="1:41" s="286" customFormat="1">
      <c r="A174" s="246"/>
      <c r="B174" s="287"/>
      <c r="C174" s="287"/>
      <c r="D174" s="287"/>
      <c r="E174" s="287"/>
      <c r="F174" s="287"/>
      <c r="G174" s="288"/>
      <c r="H174" s="232"/>
      <c r="I174" s="233"/>
      <c r="J174" s="289"/>
      <c r="K174" s="287"/>
      <c r="L174" s="287"/>
      <c r="M174" s="288"/>
      <c r="N174" s="289"/>
      <c r="O174" s="287"/>
      <c r="P174" s="287"/>
      <c r="Q174" s="288"/>
      <c r="R174" s="289"/>
      <c r="S174" s="287"/>
      <c r="T174" s="287"/>
      <c r="U174" s="288"/>
      <c r="V174" s="289"/>
      <c r="W174" s="287"/>
      <c r="X174" s="287"/>
      <c r="Y174" s="288"/>
      <c r="Z174" s="289"/>
      <c r="AA174" s="287"/>
      <c r="AB174" s="287"/>
      <c r="AC174" s="288"/>
      <c r="AD174" s="289"/>
      <c r="AE174" s="287"/>
      <c r="AF174" s="287"/>
      <c r="AG174" s="288"/>
      <c r="AH174" s="289"/>
      <c r="AI174" s="287"/>
      <c r="AJ174" s="287"/>
      <c r="AK174" s="288"/>
      <c r="AL174" s="289"/>
      <c r="AM174" s="287"/>
      <c r="AN174" s="287"/>
      <c r="AO174" s="288"/>
    </row>
    <row r="175" spans="1:41" s="286" customFormat="1">
      <c r="A175" s="246"/>
      <c r="B175" s="287"/>
      <c r="C175" s="287"/>
      <c r="D175" s="287"/>
      <c r="E175" s="287"/>
      <c r="F175" s="287"/>
      <c r="G175" s="288"/>
      <c r="H175" s="232"/>
      <c r="I175" s="233"/>
      <c r="J175" s="289"/>
      <c r="K175" s="287"/>
      <c r="L175" s="287"/>
      <c r="M175" s="288"/>
      <c r="N175" s="289"/>
      <c r="O175" s="287"/>
      <c r="P175" s="287"/>
      <c r="Q175" s="288"/>
      <c r="R175" s="289"/>
      <c r="S175" s="287"/>
      <c r="T175" s="287"/>
      <c r="U175" s="288"/>
      <c r="V175" s="289"/>
      <c r="W175" s="287"/>
      <c r="X175" s="287"/>
      <c r="Y175" s="288"/>
      <c r="Z175" s="289"/>
      <c r="AA175" s="287"/>
      <c r="AB175" s="287"/>
      <c r="AC175" s="288"/>
      <c r="AD175" s="289"/>
      <c r="AE175" s="287"/>
      <c r="AF175" s="287"/>
      <c r="AG175" s="288"/>
      <c r="AH175" s="289"/>
      <c r="AI175" s="287"/>
      <c r="AJ175" s="287"/>
      <c r="AK175" s="288"/>
      <c r="AL175" s="289"/>
      <c r="AM175" s="287"/>
      <c r="AN175" s="287"/>
      <c r="AO175" s="288"/>
    </row>
    <row r="176" spans="1:41" s="286" customFormat="1">
      <c r="A176" s="246"/>
      <c r="B176" s="287"/>
      <c r="C176" s="287"/>
      <c r="D176" s="287"/>
      <c r="E176" s="287"/>
      <c r="F176" s="287"/>
      <c r="G176" s="288"/>
      <c r="H176" s="232"/>
      <c r="I176" s="233"/>
      <c r="J176" s="289"/>
      <c r="K176" s="287"/>
      <c r="L176" s="287"/>
      <c r="M176" s="288"/>
      <c r="N176" s="289"/>
      <c r="O176" s="287"/>
      <c r="P176" s="287"/>
      <c r="Q176" s="288"/>
      <c r="R176" s="289"/>
      <c r="S176" s="287"/>
      <c r="T176" s="287"/>
      <c r="U176" s="288"/>
      <c r="V176" s="289"/>
      <c r="W176" s="287"/>
      <c r="X176" s="287"/>
      <c r="Y176" s="288"/>
      <c r="Z176" s="289"/>
      <c r="AA176" s="287"/>
      <c r="AB176" s="287"/>
      <c r="AC176" s="288"/>
      <c r="AD176" s="289"/>
      <c r="AE176" s="287"/>
      <c r="AF176" s="287"/>
      <c r="AG176" s="288"/>
      <c r="AH176" s="289"/>
      <c r="AI176" s="287"/>
      <c r="AJ176" s="287"/>
      <c r="AK176" s="288"/>
      <c r="AL176" s="289"/>
      <c r="AM176" s="287"/>
      <c r="AN176" s="287"/>
      <c r="AO176" s="288"/>
    </row>
    <row r="177" spans="1:41" s="286" customFormat="1">
      <c r="A177" s="246"/>
      <c r="B177" s="287"/>
      <c r="C177" s="287"/>
      <c r="D177" s="287"/>
      <c r="E177" s="287"/>
      <c r="F177" s="287"/>
      <c r="G177" s="288"/>
      <c r="H177" s="232"/>
      <c r="I177" s="233"/>
      <c r="J177" s="289"/>
      <c r="K177" s="287"/>
      <c r="L177" s="287"/>
      <c r="M177" s="288"/>
      <c r="N177" s="289"/>
      <c r="O177" s="287"/>
      <c r="P177" s="287"/>
      <c r="Q177" s="288"/>
      <c r="R177" s="289"/>
      <c r="S177" s="287"/>
      <c r="T177" s="287"/>
      <c r="U177" s="288"/>
      <c r="V177" s="289"/>
      <c r="W177" s="287"/>
      <c r="X177" s="287"/>
      <c r="Y177" s="288"/>
      <c r="Z177" s="289"/>
      <c r="AA177" s="287"/>
      <c r="AB177" s="287"/>
      <c r="AC177" s="288"/>
      <c r="AD177" s="289"/>
      <c r="AE177" s="287"/>
      <c r="AF177" s="287"/>
      <c r="AG177" s="288"/>
      <c r="AH177" s="289"/>
      <c r="AI177" s="287"/>
      <c r="AJ177" s="287"/>
      <c r="AK177" s="288"/>
      <c r="AL177" s="289"/>
      <c r="AM177" s="287"/>
      <c r="AN177" s="287"/>
      <c r="AO177" s="288"/>
    </row>
    <row r="178" spans="1:41" s="286" customFormat="1">
      <c r="A178" s="246"/>
      <c r="B178" s="287"/>
      <c r="C178" s="287"/>
      <c r="D178" s="287"/>
      <c r="E178" s="287"/>
      <c r="F178" s="287"/>
      <c r="G178" s="288"/>
      <c r="H178" s="232"/>
      <c r="I178" s="233"/>
      <c r="J178" s="289"/>
      <c r="K178" s="287"/>
      <c r="L178" s="287"/>
      <c r="M178" s="288"/>
      <c r="N178" s="289"/>
      <c r="O178" s="287"/>
      <c r="P178" s="287"/>
      <c r="Q178" s="288"/>
      <c r="R178" s="289"/>
      <c r="S178" s="287"/>
      <c r="T178" s="287"/>
      <c r="U178" s="288"/>
      <c r="V178" s="289"/>
      <c r="W178" s="287"/>
      <c r="X178" s="287"/>
      <c r="Y178" s="288"/>
      <c r="Z178" s="289"/>
      <c r="AA178" s="287"/>
      <c r="AB178" s="287"/>
      <c r="AC178" s="288"/>
      <c r="AD178" s="289"/>
      <c r="AE178" s="287"/>
      <c r="AF178" s="287"/>
      <c r="AG178" s="288"/>
      <c r="AH178" s="289"/>
      <c r="AI178" s="287"/>
      <c r="AJ178" s="287"/>
      <c r="AK178" s="288"/>
      <c r="AL178" s="289"/>
      <c r="AM178" s="287"/>
      <c r="AN178" s="287"/>
      <c r="AO178" s="288"/>
    </row>
    <row r="179" spans="1:41" s="286" customFormat="1">
      <c r="A179" s="247"/>
      <c r="B179" s="290"/>
      <c r="C179" s="290"/>
      <c r="D179" s="290"/>
      <c r="E179" s="290"/>
      <c r="F179" s="290"/>
      <c r="G179" s="291"/>
      <c r="H179" s="232"/>
      <c r="I179" s="233"/>
      <c r="J179" s="292"/>
      <c r="K179" s="290"/>
      <c r="L179" s="290"/>
      <c r="M179" s="291"/>
      <c r="N179" s="292"/>
      <c r="O179" s="290"/>
      <c r="P179" s="290"/>
      <c r="Q179" s="291"/>
      <c r="R179" s="292"/>
      <c r="S179" s="290"/>
      <c r="T179" s="290"/>
      <c r="U179" s="291"/>
      <c r="V179" s="292"/>
      <c r="W179" s="290"/>
      <c r="X179" s="290"/>
      <c r="Y179" s="291"/>
      <c r="Z179" s="292"/>
      <c r="AA179" s="290"/>
      <c r="AB179" s="290"/>
      <c r="AC179" s="291"/>
      <c r="AD179" s="292"/>
      <c r="AE179" s="290"/>
      <c r="AF179" s="290"/>
      <c r="AG179" s="291"/>
      <c r="AH179" s="292"/>
      <c r="AI179" s="290"/>
      <c r="AJ179" s="290"/>
      <c r="AK179" s="291"/>
      <c r="AL179" s="292"/>
      <c r="AM179" s="290"/>
      <c r="AN179" s="290"/>
      <c r="AO179" s="291"/>
    </row>
    <row r="180" spans="1:41" s="286" customFormat="1">
      <c r="A180" s="245"/>
      <c r="B180" s="284"/>
      <c r="C180" s="284"/>
      <c r="D180" s="284"/>
      <c r="E180" s="284"/>
      <c r="F180" s="284"/>
      <c r="G180" s="285"/>
      <c r="H180" s="232"/>
      <c r="I180" s="233"/>
      <c r="J180" s="283"/>
      <c r="K180" s="284"/>
      <c r="L180" s="284"/>
      <c r="M180" s="285"/>
      <c r="N180" s="283"/>
      <c r="O180" s="284"/>
      <c r="P180" s="284"/>
      <c r="Q180" s="285"/>
      <c r="R180" s="283"/>
      <c r="S180" s="284"/>
      <c r="T180" s="284"/>
      <c r="U180" s="285"/>
      <c r="V180" s="283"/>
      <c r="W180" s="284"/>
      <c r="X180" s="284"/>
      <c r="Y180" s="285"/>
      <c r="Z180" s="283"/>
      <c r="AA180" s="284"/>
      <c r="AB180" s="284"/>
      <c r="AC180" s="285"/>
      <c r="AD180" s="283"/>
      <c r="AE180" s="284"/>
      <c r="AF180" s="284"/>
      <c r="AG180" s="285"/>
      <c r="AH180" s="283"/>
      <c r="AI180" s="284"/>
      <c r="AJ180" s="284"/>
      <c r="AK180" s="285"/>
      <c r="AL180" s="283"/>
      <c r="AM180" s="284"/>
      <c r="AN180" s="284"/>
      <c r="AO180" s="285"/>
    </row>
    <row r="181" spans="1:41" s="286" customFormat="1">
      <c r="A181" s="246"/>
      <c r="B181" s="287"/>
      <c r="C181" s="287"/>
      <c r="D181" s="287"/>
      <c r="E181" s="287"/>
      <c r="F181" s="287"/>
      <c r="G181" s="288"/>
      <c r="H181" s="232"/>
      <c r="I181" s="233"/>
      <c r="J181" s="289"/>
      <c r="K181" s="287"/>
      <c r="L181" s="287"/>
      <c r="M181" s="288"/>
      <c r="N181" s="289"/>
      <c r="O181" s="287"/>
      <c r="P181" s="287"/>
      <c r="Q181" s="288"/>
      <c r="R181" s="289"/>
      <c r="S181" s="287"/>
      <c r="T181" s="287"/>
      <c r="U181" s="288"/>
      <c r="V181" s="289"/>
      <c r="W181" s="287"/>
      <c r="X181" s="287"/>
      <c r="Y181" s="288"/>
      <c r="Z181" s="289"/>
      <c r="AA181" s="287"/>
      <c r="AB181" s="287"/>
      <c r="AC181" s="288"/>
      <c r="AD181" s="289"/>
      <c r="AE181" s="287"/>
      <c r="AF181" s="287"/>
      <c r="AG181" s="288"/>
      <c r="AH181" s="289"/>
      <c r="AI181" s="287"/>
      <c r="AJ181" s="287"/>
      <c r="AK181" s="288"/>
      <c r="AL181" s="289"/>
      <c r="AM181" s="287"/>
      <c r="AN181" s="287"/>
      <c r="AO181" s="288"/>
    </row>
    <row r="182" spans="1:41" s="286" customFormat="1">
      <c r="A182" s="246"/>
      <c r="B182" s="287"/>
      <c r="C182" s="287"/>
      <c r="D182" s="287"/>
      <c r="E182" s="287"/>
      <c r="F182" s="287"/>
      <c r="G182" s="288"/>
      <c r="H182" s="232"/>
      <c r="I182" s="233"/>
      <c r="J182" s="289"/>
      <c r="K182" s="287"/>
      <c r="L182" s="287"/>
      <c r="M182" s="288"/>
      <c r="N182" s="289"/>
      <c r="O182" s="287"/>
      <c r="P182" s="287"/>
      <c r="Q182" s="288"/>
      <c r="R182" s="289"/>
      <c r="S182" s="287"/>
      <c r="T182" s="287"/>
      <c r="U182" s="288"/>
      <c r="V182" s="289"/>
      <c r="W182" s="287"/>
      <c r="X182" s="287"/>
      <c r="Y182" s="288"/>
      <c r="Z182" s="289"/>
      <c r="AA182" s="287"/>
      <c r="AB182" s="287"/>
      <c r="AC182" s="288"/>
      <c r="AD182" s="289"/>
      <c r="AE182" s="287"/>
      <c r="AF182" s="287"/>
      <c r="AG182" s="288"/>
      <c r="AH182" s="289"/>
      <c r="AI182" s="287"/>
      <c r="AJ182" s="287"/>
      <c r="AK182" s="288"/>
      <c r="AL182" s="289"/>
      <c r="AM182" s="287"/>
      <c r="AN182" s="287"/>
      <c r="AO182" s="288"/>
    </row>
    <row r="183" spans="1:41" s="286" customFormat="1">
      <c r="A183" s="246"/>
      <c r="B183" s="287"/>
      <c r="C183" s="287"/>
      <c r="D183" s="287"/>
      <c r="E183" s="287"/>
      <c r="F183" s="287"/>
      <c r="G183" s="288"/>
      <c r="H183" s="232"/>
      <c r="I183" s="233"/>
      <c r="J183" s="289"/>
      <c r="K183" s="287"/>
      <c r="L183" s="287"/>
      <c r="M183" s="288"/>
      <c r="N183" s="289"/>
      <c r="O183" s="287"/>
      <c r="P183" s="287"/>
      <c r="Q183" s="288"/>
      <c r="R183" s="289"/>
      <c r="S183" s="287"/>
      <c r="T183" s="287"/>
      <c r="U183" s="288"/>
      <c r="V183" s="289"/>
      <c r="W183" s="287"/>
      <c r="X183" s="287"/>
      <c r="Y183" s="288"/>
      <c r="Z183" s="289"/>
      <c r="AA183" s="287"/>
      <c r="AB183" s="287"/>
      <c r="AC183" s="288"/>
      <c r="AD183" s="289"/>
      <c r="AE183" s="287"/>
      <c r="AF183" s="287"/>
      <c r="AG183" s="288"/>
      <c r="AH183" s="289"/>
      <c r="AI183" s="287"/>
      <c r="AJ183" s="287"/>
      <c r="AK183" s="288"/>
      <c r="AL183" s="289"/>
      <c r="AM183" s="287"/>
      <c r="AN183" s="287"/>
      <c r="AO183" s="288"/>
    </row>
    <row r="184" spans="1:41" s="286" customFormat="1">
      <c r="A184" s="246"/>
      <c r="B184" s="287"/>
      <c r="C184" s="287"/>
      <c r="D184" s="287"/>
      <c r="E184" s="287"/>
      <c r="F184" s="287"/>
      <c r="G184" s="288"/>
      <c r="H184" s="232"/>
      <c r="I184" s="233"/>
      <c r="J184" s="289"/>
      <c r="K184" s="287"/>
      <c r="L184" s="287"/>
      <c r="M184" s="288"/>
      <c r="N184" s="289"/>
      <c r="O184" s="287"/>
      <c r="P184" s="287"/>
      <c r="Q184" s="288"/>
      <c r="R184" s="289"/>
      <c r="S184" s="287"/>
      <c r="T184" s="287"/>
      <c r="U184" s="288"/>
      <c r="V184" s="289"/>
      <c r="W184" s="287"/>
      <c r="X184" s="287"/>
      <c r="Y184" s="288"/>
      <c r="Z184" s="289"/>
      <c r="AA184" s="287"/>
      <c r="AB184" s="287"/>
      <c r="AC184" s="288"/>
      <c r="AD184" s="289"/>
      <c r="AE184" s="287"/>
      <c r="AF184" s="287"/>
      <c r="AG184" s="288"/>
      <c r="AH184" s="289"/>
      <c r="AI184" s="287"/>
      <c r="AJ184" s="287"/>
      <c r="AK184" s="288"/>
      <c r="AL184" s="289"/>
      <c r="AM184" s="287"/>
      <c r="AN184" s="287"/>
      <c r="AO184" s="288"/>
    </row>
    <row r="185" spans="1:41" s="286" customFormat="1">
      <c r="A185" s="246"/>
      <c r="B185" s="287"/>
      <c r="C185" s="287"/>
      <c r="D185" s="287"/>
      <c r="E185" s="287"/>
      <c r="F185" s="287"/>
      <c r="G185" s="288"/>
      <c r="H185" s="232"/>
      <c r="I185" s="233"/>
      <c r="J185" s="289"/>
      <c r="K185" s="287"/>
      <c r="L185" s="287"/>
      <c r="M185" s="288"/>
      <c r="N185" s="289"/>
      <c r="O185" s="287"/>
      <c r="P185" s="287"/>
      <c r="Q185" s="288"/>
      <c r="R185" s="289"/>
      <c r="S185" s="287"/>
      <c r="T185" s="287"/>
      <c r="U185" s="288"/>
      <c r="V185" s="289"/>
      <c r="W185" s="287"/>
      <c r="X185" s="287"/>
      <c r="Y185" s="288"/>
      <c r="Z185" s="289"/>
      <c r="AA185" s="287"/>
      <c r="AB185" s="287"/>
      <c r="AC185" s="288"/>
      <c r="AD185" s="289"/>
      <c r="AE185" s="287"/>
      <c r="AF185" s="287"/>
      <c r="AG185" s="288"/>
      <c r="AH185" s="289"/>
      <c r="AI185" s="287"/>
      <c r="AJ185" s="287"/>
      <c r="AK185" s="288"/>
      <c r="AL185" s="289"/>
      <c r="AM185" s="287"/>
      <c r="AN185" s="287"/>
      <c r="AO185" s="288"/>
    </row>
    <row r="186" spans="1:41" s="286" customFormat="1">
      <c r="A186" s="246"/>
      <c r="B186" s="287"/>
      <c r="C186" s="287"/>
      <c r="D186" s="287"/>
      <c r="E186" s="287"/>
      <c r="F186" s="287"/>
      <c r="G186" s="288"/>
      <c r="H186" s="232"/>
      <c r="I186" s="233"/>
      <c r="J186" s="289"/>
      <c r="K186" s="287"/>
      <c r="L186" s="287"/>
      <c r="M186" s="288"/>
      <c r="N186" s="289"/>
      <c r="O186" s="287"/>
      <c r="P186" s="287"/>
      <c r="Q186" s="288"/>
      <c r="R186" s="289"/>
      <c r="S186" s="287"/>
      <c r="T186" s="287"/>
      <c r="U186" s="288"/>
      <c r="V186" s="289"/>
      <c r="W186" s="287"/>
      <c r="X186" s="287"/>
      <c r="Y186" s="288"/>
      <c r="Z186" s="289"/>
      <c r="AA186" s="287"/>
      <c r="AB186" s="287"/>
      <c r="AC186" s="288"/>
      <c r="AD186" s="289"/>
      <c r="AE186" s="287"/>
      <c r="AF186" s="287"/>
      <c r="AG186" s="288"/>
      <c r="AH186" s="289"/>
      <c r="AI186" s="287"/>
      <c r="AJ186" s="287"/>
      <c r="AK186" s="288"/>
      <c r="AL186" s="289"/>
      <c r="AM186" s="287"/>
      <c r="AN186" s="287"/>
      <c r="AO186" s="288"/>
    </row>
    <row r="187" spans="1:41" s="286" customFormat="1">
      <c r="A187" s="246"/>
      <c r="B187" s="287"/>
      <c r="C187" s="287"/>
      <c r="D187" s="287"/>
      <c r="E187" s="287"/>
      <c r="F187" s="287"/>
      <c r="G187" s="288"/>
      <c r="H187" s="232"/>
      <c r="I187" s="233"/>
      <c r="J187" s="289"/>
      <c r="K187" s="287"/>
      <c r="L187" s="287"/>
      <c r="M187" s="288"/>
      <c r="N187" s="289"/>
      <c r="O187" s="287"/>
      <c r="P187" s="287"/>
      <c r="Q187" s="288"/>
      <c r="R187" s="289"/>
      <c r="S187" s="287"/>
      <c r="T187" s="287"/>
      <c r="U187" s="288"/>
      <c r="V187" s="289"/>
      <c r="W187" s="287"/>
      <c r="X187" s="287"/>
      <c r="Y187" s="288"/>
      <c r="Z187" s="289"/>
      <c r="AA187" s="287"/>
      <c r="AB187" s="287"/>
      <c r="AC187" s="288"/>
      <c r="AD187" s="289"/>
      <c r="AE187" s="287"/>
      <c r="AF187" s="287"/>
      <c r="AG187" s="288"/>
      <c r="AH187" s="289"/>
      <c r="AI187" s="287"/>
      <c r="AJ187" s="287"/>
      <c r="AK187" s="288"/>
      <c r="AL187" s="289"/>
      <c r="AM187" s="287"/>
      <c r="AN187" s="287"/>
      <c r="AO187" s="288"/>
    </row>
    <row r="188" spans="1:41" s="286" customFormat="1">
      <c r="A188" s="246"/>
      <c r="B188" s="287"/>
      <c r="C188" s="287"/>
      <c r="D188" s="287"/>
      <c r="E188" s="287"/>
      <c r="F188" s="287"/>
      <c r="G188" s="288"/>
      <c r="H188" s="232"/>
      <c r="I188" s="233"/>
      <c r="J188" s="289"/>
      <c r="K188" s="287"/>
      <c r="L188" s="287"/>
      <c r="M188" s="288"/>
      <c r="N188" s="289"/>
      <c r="O188" s="287"/>
      <c r="P188" s="287"/>
      <c r="Q188" s="288"/>
      <c r="R188" s="289"/>
      <c r="S188" s="287"/>
      <c r="T188" s="287"/>
      <c r="U188" s="288"/>
      <c r="V188" s="289"/>
      <c r="W188" s="287"/>
      <c r="X188" s="287"/>
      <c r="Y188" s="288"/>
      <c r="Z188" s="289"/>
      <c r="AA188" s="287"/>
      <c r="AB188" s="287"/>
      <c r="AC188" s="288"/>
      <c r="AD188" s="289"/>
      <c r="AE188" s="287"/>
      <c r="AF188" s="287"/>
      <c r="AG188" s="288"/>
      <c r="AH188" s="289"/>
      <c r="AI188" s="287"/>
      <c r="AJ188" s="287"/>
      <c r="AK188" s="288"/>
      <c r="AL188" s="289"/>
      <c r="AM188" s="287"/>
      <c r="AN188" s="287"/>
      <c r="AO188" s="288"/>
    </row>
    <row r="189" spans="1:41" s="286" customFormat="1">
      <c r="A189" s="247"/>
      <c r="B189" s="290"/>
      <c r="C189" s="290"/>
      <c r="D189" s="290"/>
      <c r="E189" s="290"/>
      <c r="F189" s="290"/>
      <c r="G189" s="291"/>
      <c r="H189" s="232"/>
      <c r="I189" s="233"/>
      <c r="J189" s="292"/>
      <c r="K189" s="290"/>
      <c r="L189" s="290"/>
      <c r="M189" s="291"/>
      <c r="N189" s="292"/>
      <c r="O189" s="290"/>
      <c r="P189" s="290"/>
      <c r="Q189" s="291"/>
      <c r="R189" s="292"/>
      <c r="S189" s="290"/>
      <c r="T189" s="290"/>
      <c r="U189" s="291"/>
      <c r="V189" s="292"/>
      <c r="W189" s="290"/>
      <c r="X189" s="290"/>
      <c r="Y189" s="291"/>
      <c r="Z189" s="292"/>
      <c r="AA189" s="290"/>
      <c r="AB189" s="290"/>
      <c r="AC189" s="291"/>
      <c r="AD189" s="292"/>
      <c r="AE189" s="290"/>
      <c r="AF189" s="290"/>
      <c r="AG189" s="291"/>
      <c r="AH189" s="292"/>
      <c r="AI189" s="290"/>
      <c r="AJ189" s="290"/>
      <c r="AK189" s="291"/>
      <c r="AL189" s="292"/>
      <c r="AM189" s="290"/>
      <c r="AN189" s="290"/>
      <c r="AO189" s="291"/>
    </row>
    <row r="190" spans="1:41" s="286" customFormat="1">
      <c r="A190" s="245"/>
      <c r="B190" s="284"/>
      <c r="C190" s="284"/>
      <c r="D190" s="284"/>
      <c r="E190" s="284"/>
      <c r="F190" s="284"/>
      <c r="G190" s="285"/>
      <c r="H190" s="232"/>
      <c r="I190" s="233"/>
      <c r="J190" s="283"/>
      <c r="K190" s="284"/>
      <c r="L190" s="284"/>
      <c r="M190" s="285"/>
      <c r="N190" s="283"/>
      <c r="O190" s="284"/>
      <c r="P190" s="284"/>
      <c r="Q190" s="285"/>
      <c r="R190" s="283"/>
      <c r="S190" s="284"/>
      <c r="T190" s="284"/>
      <c r="U190" s="285"/>
      <c r="V190" s="283"/>
      <c r="W190" s="284"/>
      <c r="X190" s="284"/>
      <c r="Y190" s="285"/>
      <c r="Z190" s="283"/>
      <c r="AA190" s="284"/>
      <c r="AB190" s="284"/>
      <c r="AC190" s="285"/>
      <c r="AD190" s="283"/>
      <c r="AE190" s="284"/>
      <c r="AF190" s="284"/>
      <c r="AG190" s="285"/>
      <c r="AH190" s="283"/>
      <c r="AI190" s="284"/>
      <c r="AJ190" s="284"/>
      <c r="AK190" s="285"/>
      <c r="AL190" s="283"/>
      <c r="AM190" s="284"/>
      <c r="AN190" s="284"/>
      <c r="AO190" s="285"/>
    </row>
    <row r="191" spans="1:41" s="286" customFormat="1">
      <c r="A191" s="246"/>
      <c r="B191" s="287"/>
      <c r="C191" s="287"/>
      <c r="D191" s="287"/>
      <c r="E191" s="287"/>
      <c r="F191" s="287"/>
      <c r="G191" s="288"/>
      <c r="H191" s="232"/>
      <c r="I191" s="233"/>
      <c r="J191" s="289"/>
      <c r="K191" s="287"/>
      <c r="L191" s="287"/>
      <c r="M191" s="288"/>
      <c r="N191" s="289"/>
      <c r="O191" s="287"/>
      <c r="P191" s="287"/>
      <c r="Q191" s="288"/>
      <c r="R191" s="289"/>
      <c r="S191" s="287"/>
      <c r="T191" s="287"/>
      <c r="U191" s="288"/>
      <c r="V191" s="289"/>
      <c r="W191" s="287"/>
      <c r="X191" s="287"/>
      <c r="Y191" s="288"/>
      <c r="Z191" s="289"/>
      <c r="AA191" s="287"/>
      <c r="AB191" s="287"/>
      <c r="AC191" s="288"/>
      <c r="AD191" s="289"/>
      <c r="AE191" s="287"/>
      <c r="AF191" s="287"/>
      <c r="AG191" s="288"/>
      <c r="AH191" s="289"/>
      <c r="AI191" s="287"/>
      <c r="AJ191" s="287"/>
      <c r="AK191" s="288"/>
      <c r="AL191" s="289"/>
      <c r="AM191" s="287"/>
      <c r="AN191" s="287"/>
      <c r="AO191" s="288"/>
    </row>
    <row r="192" spans="1:41" s="286" customFormat="1">
      <c r="A192" s="246"/>
      <c r="B192" s="287"/>
      <c r="C192" s="287"/>
      <c r="D192" s="287"/>
      <c r="E192" s="287"/>
      <c r="F192" s="287"/>
      <c r="G192" s="288"/>
      <c r="H192" s="232"/>
      <c r="I192" s="233"/>
      <c r="J192" s="289"/>
      <c r="K192" s="287"/>
      <c r="L192" s="287"/>
      <c r="M192" s="288"/>
      <c r="N192" s="289"/>
      <c r="O192" s="287"/>
      <c r="P192" s="287"/>
      <c r="Q192" s="288"/>
      <c r="R192" s="289"/>
      <c r="S192" s="287"/>
      <c r="T192" s="287"/>
      <c r="U192" s="288"/>
      <c r="V192" s="289"/>
      <c r="W192" s="287"/>
      <c r="X192" s="287"/>
      <c r="Y192" s="288"/>
      <c r="Z192" s="289"/>
      <c r="AA192" s="287"/>
      <c r="AB192" s="287"/>
      <c r="AC192" s="288"/>
      <c r="AD192" s="289"/>
      <c r="AE192" s="287"/>
      <c r="AF192" s="287"/>
      <c r="AG192" s="288"/>
      <c r="AH192" s="289"/>
      <c r="AI192" s="287"/>
      <c r="AJ192" s="287"/>
      <c r="AK192" s="288"/>
      <c r="AL192" s="289"/>
      <c r="AM192" s="287"/>
      <c r="AN192" s="287"/>
      <c r="AO192" s="288"/>
    </row>
    <row r="193" spans="1:41" s="286" customFormat="1">
      <c r="A193" s="246"/>
      <c r="B193" s="287"/>
      <c r="C193" s="287"/>
      <c r="D193" s="287"/>
      <c r="E193" s="287"/>
      <c r="F193" s="287"/>
      <c r="G193" s="288"/>
      <c r="H193" s="232"/>
      <c r="I193" s="233"/>
      <c r="J193" s="289"/>
      <c r="K193" s="287"/>
      <c r="L193" s="287"/>
      <c r="M193" s="288"/>
      <c r="N193" s="289"/>
      <c r="O193" s="287"/>
      <c r="P193" s="287"/>
      <c r="Q193" s="288"/>
      <c r="R193" s="289"/>
      <c r="S193" s="287"/>
      <c r="T193" s="287"/>
      <c r="U193" s="288"/>
      <c r="V193" s="289"/>
      <c r="W193" s="287"/>
      <c r="X193" s="287"/>
      <c r="Y193" s="288"/>
      <c r="Z193" s="289"/>
      <c r="AA193" s="287"/>
      <c r="AB193" s="287"/>
      <c r="AC193" s="288"/>
      <c r="AD193" s="289"/>
      <c r="AE193" s="287"/>
      <c r="AF193" s="287"/>
      <c r="AG193" s="288"/>
      <c r="AH193" s="289"/>
      <c r="AI193" s="287"/>
      <c r="AJ193" s="287"/>
      <c r="AK193" s="288"/>
      <c r="AL193" s="289"/>
      <c r="AM193" s="287"/>
      <c r="AN193" s="287"/>
      <c r="AO193" s="288"/>
    </row>
    <row r="194" spans="1:41" s="286" customFormat="1">
      <c r="A194" s="246"/>
      <c r="B194" s="287"/>
      <c r="C194" s="287"/>
      <c r="D194" s="287"/>
      <c r="E194" s="287"/>
      <c r="F194" s="287"/>
      <c r="G194" s="288"/>
      <c r="H194" s="232"/>
      <c r="I194" s="233"/>
      <c r="J194" s="289"/>
      <c r="K194" s="287"/>
      <c r="L194" s="287"/>
      <c r="M194" s="288"/>
      <c r="N194" s="289"/>
      <c r="O194" s="287"/>
      <c r="P194" s="287"/>
      <c r="Q194" s="288"/>
      <c r="R194" s="289"/>
      <c r="S194" s="287"/>
      <c r="T194" s="287"/>
      <c r="U194" s="288"/>
      <c r="V194" s="289"/>
      <c r="W194" s="287"/>
      <c r="X194" s="287"/>
      <c r="Y194" s="288"/>
      <c r="Z194" s="289"/>
      <c r="AA194" s="287"/>
      <c r="AB194" s="287"/>
      <c r="AC194" s="288"/>
      <c r="AD194" s="289"/>
      <c r="AE194" s="287"/>
      <c r="AF194" s="287"/>
      <c r="AG194" s="288"/>
      <c r="AH194" s="289"/>
      <c r="AI194" s="287"/>
      <c r="AJ194" s="287"/>
      <c r="AK194" s="288"/>
      <c r="AL194" s="289"/>
      <c r="AM194" s="287"/>
      <c r="AN194" s="287"/>
      <c r="AO194" s="288"/>
    </row>
    <row r="195" spans="1:41" s="286" customFormat="1">
      <c r="A195" s="246"/>
      <c r="B195" s="287"/>
      <c r="C195" s="287"/>
      <c r="D195" s="287"/>
      <c r="E195" s="287"/>
      <c r="F195" s="287"/>
      <c r="G195" s="288"/>
      <c r="H195" s="232"/>
      <c r="I195" s="233"/>
      <c r="J195" s="289"/>
      <c r="K195" s="287"/>
      <c r="L195" s="287"/>
      <c r="M195" s="288"/>
      <c r="N195" s="289"/>
      <c r="O195" s="287"/>
      <c r="P195" s="287"/>
      <c r="Q195" s="288"/>
      <c r="R195" s="289"/>
      <c r="S195" s="287"/>
      <c r="T195" s="287"/>
      <c r="U195" s="288"/>
      <c r="V195" s="289"/>
      <c r="W195" s="287"/>
      <c r="X195" s="287"/>
      <c r="Y195" s="288"/>
      <c r="Z195" s="289"/>
      <c r="AA195" s="287"/>
      <c r="AB195" s="287"/>
      <c r="AC195" s="288"/>
      <c r="AD195" s="289"/>
      <c r="AE195" s="287"/>
      <c r="AF195" s="287"/>
      <c r="AG195" s="288"/>
      <c r="AH195" s="289"/>
      <c r="AI195" s="287"/>
      <c r="AJ195" s="287"/>
      <c r="AK195" s="288"/>
      <c r="AL195" s="289"/>
      <c r="AM195" s="287"/>
      <c r="AN195" s="287"/>
      <c r="AO195" s="288"/>
    </row>
    <row r="196" spans="1:41" s="286" customFormat="1">
      <c r="A196" s="246"/>
      <c r="B196" s="287"/>
      <c r="C196" s="287"/>
      <c r="D196" s="287"/>
      <c r="E196" s="287"/>
      <c r="F196" s="287"/>
      <c r="G196" s="288"/>
      <c r="H196" s="232"/>
      <c r="I196" s="233"/>
      <c r="J196" s="289"/>
      <c r="K196" s="287"/>
      <c r="L196" s="287"/>
      <c r="M196" s="288"/>
      <c r="N196" s="289"/>
      <c r="O196" s="287"/>
      <c r="P196" s="287"/>
      <c r="Q196" s="288"/>
      <c r="R196" s="289"/>
      <c r="S196" s="287"/>
      <c r="T196" s="287"/>
      <c r="U196" s="288"/>
      <c r="V196" s="289"/>
      <c r="W196" s="287"/>
      <c r="X196" s="287"/>
      <c r="Y196" s="288"/>
      <c r="Z196" s="289"/>
      <c r="AA196" s="287"/>
      <c r="AB196" s="287"/>
      <c r="AC196" s="288"/>
      <c r="AD196" s="289"/>
      <c r="AE196" s="287"/>
      <c r="AF196" s="287"/>
      <c r="AG196" s="288"/>
      <c r="AH196" s="289"/>
      <c r="AI196" s="287"/>
      <c r="AJ196" s="287"/>
      <c r="AK196" s="288"/>
      <c r="AL196" s="289"/>
      <c r="AM196" s="287"/>
      <c r="AN196" s="287"/>
      <c r="AO196" s="288"/>
    </row>
    <row r="197" spans="1:41" s="286" customFormat="1">
      <c r="A197" s="246"/>
      <c r="B197" s="287"/>
      <c r="C197" s="287"/>
      <c r="D197" s="287"/>
      <c r="E197" s="287"/>
      <c r="F197" s="287"/>
      <c r="G197" s="288"/>
      <c r="H197" s="232"/>
      <c r="I197" s="233"/>
      <c r="J197" s="289"/>
      <c r="K197" s="287"/>
      <c r="L197" s="287"/>
      <c r="M197" s="288"/>
      <c r="N197" s="289"/>
      <c r="O197" s="287"/>
      <c r="P197" s="287"/>
      <c r="Q197" s="288"/>
      <c r="R197" s="289"/>
      <c r="S197" s="287"/>
      <c r="T197" s="287"/>
      <c r="U197" s="288"/>
      <c r="V197" s="289"/>
      <c r="W197" s="287"/>
      <c r="X197" s="287"/>
      <c r="Y197" s="288"/>
      <c r="Z197" s="289"/>
      <c r="AA197" s="287"/>
      <c r="AB197" s="287"/>
      <c r="AC197" s="288"/>
      <c r="AD197" s="289"/>
      <c r="AE197" s="287"/>
      <c r="AF197" s="287"/>
      <c r="AG197" s="288"/>
      <c r="AH197" s="289"/>
      <c r="AI197" s="287"/>
      <c r="AJ197" s="287"/>
      <c r="AK197" s="288"/>
      <c r="AL197" s="289"/>
      <c r="AM197" s="287"/>
      <c r="AN197" s="287"/>
      <c r="AO197" s="288"/>
    </row>
    <row r="198" spans="1:41" s="286" customFormat="1">
      <c r="A198" s="246"/>
      <c r="B198" s="287"/>
      <c r="C198" s="287"/>
      <c r="D198" s="287"/>
      <c r="E198" s="287"/>
      <c r="F198" s="287"/>
      <c r="G198" s="288"/>
      <c r="H198" s="232"/>
      <c r="I198" s="233"/>
      <c r="J198" s="289"/>
      <c r="K198" s="287"/>
      <c r="L198" s="287"/>
      <c r="M198" s="288"/>
      <c r="N198" s="289"/>
      <c r="O198" s="287"/>
      <c r="P198" s="287"/>
      <c r="Q198" s="288"/>
      <c r="R198" s="289"/>
      <c r="S198" s="287"/>
      <c r="T198" s="287"/>
      <c r="U198" s="288"/>
      <c r="V198" s="289"/>
      <c r="W198" s="287"/>
      <c r="X198" s="287"/>
      <c r="Y198" s="288"/>
      <c r="Z198" s="289"/>
      <c r="AA198" s="287"/>
      <c r="AB198" s="287"/>
      <c r="AC198" s="288"/>
      <c r="AD198" s="289"/>
      <c r="AE198" s="287"/>
      <c r="AF198" s="287"/>
      <c r="AG198" s="288"/>
      <c r="AH198" s="289"/>
      <c r="AI198" s="287"/>
      <c r="AJ198" s="287"/>
      <c r="AK198" s="288"/>
      <c r="AL198" s="289"/>
      <c r="AM198" s="287"/>
      <c r="AN198" s="287"/>
      <c r="AO198" s="288"/>
    </row>
    <row r="199" spans="1:41" s="286" customFormat="1" ht="15" thickBot="1">
      <c r="A199" s="293"/>
      <c r="B199" s="294"/>
      <c r="C199" s="294"/>
      <c r="D199" s="294"/>
      <c r="E199" s="294"/>
      <c r="F199" s="294"/>
      <c r="G199" s="295"/>
      <c r="H199" s="234"/>
      <c r="I199" s="235"/>
      <c r="J199" s="296"/>
      <c r="K199" s="294"/>
      <c r="L199" s="294"/>
      <c r="M199" s="295"/>
      <c r="N199" s="296"/>
      <c r="O199" s="294"/>
      <c r="P199" s="294"/>
      <c r="Q199" s="295"/>
      <c r="R199" s="296"/>
      <c r="S199" s="294"/>
      <c r="T199" s="294"/>
      <c r="U199" s="295"/>
      <c r="V199" s="296"/>
      <c r="W199" s="294"/>
      <c r="X199" s="294"/>
      <c r="Y199" s="295"/>
      <c r="Z199" s="296"/>
      <c r="AA199" s="294"/>
      <c r="AB199" s="294"/>
      <c r="AC199" s="295"/>
      <c r="AD199" s="296"/>
      <c r="AE199" s="294"/>
      <c r="AF199" s="294"/>
      <c r="AG199" s="295"/>
      <c r="AH199" s="296"/>
      <c r="AI199" s="294"/>
      <c r="AJ199" s="294"/>
      <c r="AK199" s="295"/>
      <c r="AL199" s="296"/>
      <c r="AM199" s="294"/>
      <c r="AN199" s="294"/>
      <c r="AO199" s="295"/>
    </row>
  </sheetData>
  <phoneticPr fontId="1"/>
  <pageMargins left="0.23622047244094491" right="0.23622047244094491" top="0.55118110236220474" bottom="0.55118110236220474" header="0.31496062992125984" footer="0.31496062992125984"/>
  <pageSetup paperSize="8" scale="76" fitToHeight="0" orientation="portrait" r:id="rId1"/>
  <rowBreaks count="1" manualBreakCount="1">
    <brk id="99" max="14" man="1"/>
  </rowBreaks>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E81"/>
  <sheetViews>
    <sheetView workbookViewId="0"/>
  </sheetViews>
  <sheetFormatPr defaultRowHeight="14.25"/>
  <cols>
    <col min="1" max="1" width="3.125" customWidth="1"/>
    <col min="2" max="2" width="5.5" bestFit="1" customWidth="1"/>
    <col min="3" max="3" width="8.5" bestFit="1" customWidth="1"/>
    <col min="4" max="4" width="16.25" customWidth="1"/>
    <col min="5" max="5" width="71.75" customWidth="1"/>
  </cols>
  <sheetData>
    <row r="1" spans="1:5">
      <c r="A1" s="10"/>
      <c r="B1" s="10"/>
      <c r="C1" s="10"/>
      <c r="D1" s="10"/>
      <c r="E1" s="348" t="s">
        <v>236</v>
      </c>
    </row>
    <row r="2" spans="1:5">
      <c r="A2" s="9" t="s">
        <v>237</v>
      </c>
      <c r="B2" s="10"/>
      <c r="C2" s="10"/>
      <c r="D2" s="10"/>
      <c r="E2" s="10"/>
    </row>
    <row r="3" spans="1:5" ht="34.5" customHeight="1">
      <c r="A3" s="11"/>
      <c r="B3" s="12" t="s">
        <v>0</v>
      </c>
      <c r="C3" s="13" t="s">
        <v>156</v>
      </c>
      <c r="D3" s="352" t="s">
        <v>212</v>
      </c>
      <c r="E3" s="353"/>
    </row>
    <row r="4" spans="1:5" ht="23.25" customHeight="1">
      <c r="A4" s="11"/>
      <c r="B4" s="14"/>
      <c r="C4" s="15" t="s">
        <v>1</v>
      </c>
      <c r="D4" s="354" t="s">
        <v>184</v>
      </c>
      <c r="E4" s="355"/>
    </row>
    <row r="5" spans="1:5" ht="96" customHeight="1">
      <c r="A5" s="11"/>
      <c r="B5" s="14"/>
      <c r="C5" s="16" t="s">
        <v>2</v>
      </c>
      <c r="D5" s="356" t="s">
        <v>233</v>
      </c>
      <c r="E5" s="357"/>
    </row>
    <row r="6" spans="1:5">
      <c r="A6" s="11"/>
      <c r="B6" s="350"/>
      <c r="C6" s="17" t="s">
        <v>159</v>
      </c>
      <c r="D6" s="18"/>
      <c r="E6" s="19"/>
    </row>
    <row r="7" spans="1:5">
      <c r="A7" s="11"/>
      <c r="B7" s="350"/>
      <c r="C7" s="20" t="s">
        <v>0</v>
      </c>
      <c r="D7" s="21" t="s">
        <v>162</v>
      </c>
      <c r="E7" s="22" t="s">
        <v>157</v>
      </c>
    </row>
    <row r="8" spans="1:5" ht="30" customHeight="1">
      <c r="A8" s="10"/>
      <c r="B8" s="350"/>
      <c r="C8" s="23"/>
      <c r="D8" s="21" t="s">
        <v>1</v>
      </c>
      <c r="E8" s="22" t="s">
        <v>158</v>
      </c>
    </row>
    <row r="9" spans="1:5" ht="35.25" customHeight="1">
      <c r="A9" s="10"/>
      <c r="B9" s="350"/>
      <c r="C9" s="23"/>
      <c r="D9" s="21" t="s">
        <v>2</v>
      </c>
      <c r="E9" s="22" t="s">
        <v>182</v>
      </c>
    </row>
    <row r="10" spans="1:5" ht="28.5">
      <c r="A10" s="10"/>
      <c r="B10" s="350"/>
      <c r="C10" s="24"/>
      <c r="D10" s="25" t="s">
        <v>165</v>
      </c>
      <c r="E10" s="26" t="s">
        <v>230</v>
      </c>
    </row>
    <row r="11" spans="1:5">
      <c r="A11" s="10"/>
      <c r="B11" s="350"/>
      <c r="C11" s="17" t="s">
        <v>160</v>
      </c>
      <c r="D11" s="25"/>
      <c r="E11" s="26"/>
    </row>
    <row r="12" spans="1:5">
      <c r="A12" s="11"/>
      <c r="B12" s="350"/>
      <c r="C12" s="20" t="s">
        <v>0</v>
      </c>
      <c r="D12" s="21" t="s">
        <v>163</v>
      </c>
      <c r="E12" s="22" t="s">
        <v>213</v>
      </c>
    </row>
    <row r="13" spans="1:5">
      <c r="A13" s="10"/>
      <c r="B13" s="350"/>
      <c r="C13" s="23"/>
      <c r="D13" s="21" t="s">
        <v>1</v>
      </c>
      <c r="E13" s="22" t="s">
        <v>161</v>
      </c>
    </row>
    <row r="14" spans="1:5" ht="27.75" customHeight="1">
      <c r="A14" s="10"/>
      <c r="B14" s="350"/>
      <c r="C14" s="23"/>
      <c r="D14" s="21" t="s">
        <v>2</v>
      </c>
      <c r="E14" s="22" t="s">
        <v>214</v>
      </c>
    </row>
    <row r="15" spans="1:5">
      <c r="A15" s="10"/>
      <c r="B15" s="350"/>
      <c r="C15" s="24"/>
      <c r="D15" s="25" t="s">
        <v>164</v>
      </c>
      <c r="E15" s="37" t="s">
        <v>215</v>
      </c>
    </row>
    <row r="16" spans="1:5">
      <c r="A16" s="10"/>
      <c r="B16" s="27"/>
      <c r="C16" s="17" t="s">
        <v>74</v>
      </c>
      <c r="D16" s="18"/>
      <c r="E16" s="19"/>
    </row>
    <row r="17" spans="1:5">
      <c r="A17" s="10"/>
      <c r="B17" s="27"/>
      <c r="C17" s="20" t="s">
        <v>0</v>
      </c>
      <c r="D17" s="21" t="s">
        <v>176</v>
      </c>
      <c r="E17" s="22" t="s">
        <v>193</v>
      </c>
    </row>
    <row r="18" spans="1:5">
      <c r="A18" s="10"/>
      <c r="B18" s="27"/>
      <c r="C18" s="23"/>
      <c r="D18" s="21" t="s">
        <v>1</v>
      </c>
      <c r="E18" s="22" t="s">
        <v>120</v>
      </c>
    </row>
    <row r="19" spans="1:5">
      <c r="A19" s="10"/>
      <c r="B19" s="27"/>
      <c r="C19" s="23"/>
      <c r="D19" s="21" t="s">
        <v>2</v>
      </c>
      <c r="E19" s="22"/>
    </row>
    <row r="20" spans="1:5" ht="28.5">
      <c r="A20" s="11"/>
      <c r="B20" s="27"/>
      <c r="C20" s="24"/>
      <c r="D20" s="25" t="s">
        <v>177</v>
      </c>
      <c r="E20" s="26" t="s">
        <v>194</v>
      </c>
    </row>
    <row r="21" spans="1:5" ht="28.5">
      <c r="A21" s="11"/>
      <c r="B21" s="27"/>
      <c r="C21" s="24"/>
      <c r="D21" s="25" t="s">
        <v>178</v>
      </c>
      <c r="E21" s="26" t="s">
        <v>195</v>
      </c>
    </row>
    <row r="22" spans="1:5" ht="42.75">
      <c r="A22" s="11"/>
      <c r="B22" s="28"/>
      <c r="C22" s="29"/>
      <c r="D22" s="30" t="s">
        <v>179</v>
      </c>
      <c r="E22" s="31" t="s">
        <v>196</v>
      </c>
    </row>
    <row r="23" spans="1:5" ht="36" customHeight="1">
      <c r="A23" s="10"/>
      <c r="B23" s="12" t="s">
        <v>0</v>
      </c>
      <c r="C23" s="13" t="s">
        <v>8</v>
      </c>
      <c r="D23" s="352" t="s">
        <v>192</v>
      </c>
      <c r="E23" s="353"/>
    </row>
    <row r="24" spans="1:5" ht="47.25" customHeight="1">
      <c r="A24" s="10"/>
      <c r="B24" s="14"/>
      <c r="C24" s="15" t="s">
        <v>1</v>
      </c>
      <c r="D24" s="354" t="s">
        <v>183</v>
      </c>
      <c r="E24" s="355"/>
    </row>
    <row r="25" spans="1:5" ht="372.75" customHeight="1">
      <c r="A25" s="10"/>
      <c r="B25" s="14"/>
      <c r="C25" s="32" t="s">
        <v>2</v>
      </c>
      <c r="D25" s="358" t="s">
        <v>238</v>
      </c>
      <c r="E25" s="359"/>
    </row>
    <row r="26" spans="1:5" ht="132" customHeight="1">
      <c r="A26" s="10"/>
      <c r="B26" s="14"/>
      <c r="C26" s="33"/>
      <c r="D26" s="360" t="s">
        <v>231</v>
      </c>
      <c r="E26" s="361"/>
    </row>
    <row r="27" spans="1:5">
      <c r="A27" s="10"/>
      <c r="B27" s="27"/>
      <c r="C27" s="34" t="s">
        <v>149</v>
      </c>
      <c r="D27" s="18"/>
      <c r="E27" s="19"/>
    </row>
    <row r="28" spans="1:5" ht="85.5">
      <c r="A28" s="10"/>
      <c r="B28" s="27"/>
      <c r="C28" s="20" t="s">
        <v>0</v>
      </c>
      <c r="D28" s="21" t="s">
        <v>105</v>
      </c>
      <c r="E28" s="22" t="s">
        <v>216</v>
      </c>
    </row>
    <row r="29" spans="1:5" ht="57">
      <c r="A29" s="10"/>
      <c r="B29" s="27"/>
      <c r="C29" s="23"/>
      <c r="D29" s="21" t="s">
        <v>1</v>
      </c>
      <c r="E29" s="22" t="s">
        <v>217</v>
      </c>
    </row>
    <row r="30" spans="1:5">
      <c r="A30" s="10"/>
      <c r="B30" s="27"/>
      <c r="C30" s="23"/>
      <c r="D30" s="21" t="s">
        <v>2</v>
      </c>
      <c r="E30" s="22"/>
    </row>
    <row r="31" spans="1:5">
      <c r="A31" s="10"/>
      <c r="B31" s="27"/>
      <c r="C31" s="24"/>
      <c r="D31" s="25" t="s">
        <v>148</v>
      </c>
      <c r="E31" s="26"/>
    </row>
    <row r="32" spans="1:5" ht="28.5">
      <c r="A32" s="10"/>
      <c r="B32" s="27"/>
      <c r="C32" s="24"/>
      <c r="D32" s="25" t="s">
        <v>106</v>
      </c>
      <c r="E32" s="26" t="s">
        <v>188</v>
      </c>
    </row>
    <row r="33" spans="1:5" ht="28.5">
      <c r="A33" s="10"/>
      <c r="B33" s="27"/>
      <c r="C33" s="24"/>
      <c r="D33" s="25" t="s">
        <v>107</v>
      </c>
      <c r="E33" s="26" t="s">
        <v>187</v>
      </c>
    </row>
    <row r="34" spans="1:5">
      <c r="A34" s="10"/>
      <c r="B34" s="27"/>
      <c r="C34" s="24"/>
      <c r="D34" s="25" t="s">
        <v>108</v>
      </c>
      <c r="E34" s="26" t="s">
        <v>3</v>
      </c>
    </row>
    <row r="35" spans="1:5">
      <c r="A35" s="10"/>
      <c r="B35" s="27"/>
      <c r="C35" s="24"/>
      <c r="D35" s="25" t="s">
        <v>218</v>
      </c>
      <c r="E35" s="37"/>
    </row>
    <row r="36" spans="1:5" ht="51" customHeight="1">
      <c r="A36" s="10"/>
      <c r="B36" s="27"/>
      <c r="C36" s="24"/>
      <c r="D36" s="25" t="s">
        <v>166</v>
      </c>
      <c r="E36" s="37" t="s">
        <v>219</v>
      </c>
    </row>
    <row r="37" spans="1:5" ht="28.5">
      <c r="A37" s="10"/>
      <c r="B37" s="27"/>
      <c r="C37" s="24"/>
      <c r="D37" s="25" t="s">
        <v>167</v>
      </c>
      <c r="E37" s="37" t="s">
        <v>220</v>
      </c>
    </row>
    <row r="38" spans="1:5">
      <c r="A38" s="10"/>
      <c r="B38" s="27"/>
      <c r="C38" s="24"/>
      <c r="D38" s="25" t="s">
        <v>154</v>
      </c>
      <c r="E38" s="37"/>
    </row>
    <row r="39" spans="1:5" ht="57">
      <c r="A39" s="10"/>
      <c r="B39" s="27"/>
      <c r="C39" s="24"/>
      <c r="D39" s="25" t="s">
        <v>168</v>
      </c>
      <c r="E39" s="37" t="s">
        <v>221</v>
      </c>
    </row>
    <row r="40" spans="1:5">
      <c r="A40" s="11"/>
      <c r="B40" s="27"/>
      <c r="C40" s="17" t="s">
        <v>153</v>
      </c>
      <c r="D40" s="35"/>
      <c r="E40" s="19"/>
    </row>
    <row r="41" spans="1:5" ht="30" customHeight="1">
      <c r="A41" s="10"/>
      <c r="B41" s="27"/>
      <c r="C41" s="20" t="s">
        <v>0</v>
      </c>
      <c r="D41" s="21" t="s">
        <v>109</v>
      </c>
      <c r="E41" s="22" t="s">
        <v>197</v>
      </c>
    </row>
    <row r="42" spans="1:5" ht="28.5">
      <c r="A42" s="10"/>
      <c r="B42" s="27"/>
      <c r="C42" s="23"/>
      <c r="D42" s="21" t="s">
        <v>1</v>
      </c>
      <c r="E42" s="22" t="s">
        <v>189</v>
      </c>
    </row>
    <row r="43" spans="1:5" ht="169.5" customHeight="1">
      <c r="A43" s="10"/>
      <c r="B43" s="27"/>
      <c r="C43" s="23"/>
      <c r="D43" s="21" t="s">
        <v>2</v>
      </c>
      <c r="E43" s="22" t="s">
        <v>326</v>
      </c>
    </row>
    <row r="44" spans="1:5">
      <c r="A44" s="10"/>
      <c r="B44" s="27"/>
      <c r="C44" s="24"/>
      <c r="D44" s="25" t="s">
        <v>4</v>
      </c>
      <c r="E44" s="26"/>
    </row>
    <row r="45" spans="1:5">
      <c r="A45" s="10"/>
      <c r="B45" s="27"/>
      <c r="C45" s="24"/>
      <c r="D45" s="25" t="s">
        <v>169</v>
      </c>
      <c r="E45" s="26" t="s">
        <v>191</v>
      </c>
    </row>
    <row r="46" spans="1:5">
      <c r="A46" s="10"/>
      <c r="B46" s="27"/>
      <c r="C46" s="24"/>
      <c r="D46" s="25" t="s">
        <v>110</v>
      </c>
      <c r="E46" s="37" t="s">
        <v>198</v>
      </c>
    </row>
    <row r="47" spans="1:5" ht="28.5">
      <c r="A47" s="10"/>
      <c r="B47" s="27"/>
      <c r="C47" s="24"/>
      <c r="D47" s="25" t="s">
        <v>170</v>
      </c>
      <c r="E47" s="37" t="s">
        <v>222</v>
      </c>
    </row>
    <row r="48" spans="1:5" ht="28.5">
      <c r="A48" s="10"/>
      <c r="B48" s="27"/>
      <c r="C48" s="24"/>
      <c r="D48" s="25" t="s">
        <v>171</v>
      </c>
      <c r="E48" s="37" t="s">
        <v>223</v>
      </c>
    </row>
    <row r="49" spans="1:5" ht="28.5">
      <c r="A49" s="11"/>
      <c r="B49" s="27"/>
      <c r="C49" s="24"/>
      <c r="D49" s="25" t="s">
        <v>172</v>
      </c>
      <c r="E49" s="37" t="s">
        <v>224</v>
      </c>
    </row>
    <row r="50" spans="1:5" ht="42.75">
      <c r="A50" s="11"/>
      <c r="B50" s="27"/>
      <c r="C50" s="24"/>
      <c r="D50" s="25" t="s">
        <v>247</v>
      </c>
      <c r="E50" s="37" t="s">
        <v>199</v>
      </c>
    </row>
    <row r="51" spans="1:5" ht="32.25" customHeight="1">
      <c r="A51" s="11"/>
      <c r="B51" s="27"/>
      <c r="C51" s="24"/>
      <c r="D51" s="25" t="s">
        <v>173</v>
      </c>
      <c r="E51" s="38" t="s">
        <v>225</v>
      </c>
    </row>
    <row r="52" spans="1:5">
      <c r="A52" s="11"/>
      <c r="B52" s="27"/>
      <c r="C52" s="24"/>
      <c r="D52" s="25" t="s">
        <v>190</v>
      </c>
      <c r="E52" s="37"/>
    </row>
    <row r="53" spans="1:5" ht="61.5" customHeight="1">
      <c r="A53" s="11"/>
      <c r="B53" s="27"/>
      <c r="C53" s="24"/>
      <c r="D53" s="25" t="s">
        <v>174</v>
      </c>
      <c r="E53" s="37" t="s">
        <v>226</v>
      </c>
    </row>
    <row r="54" spans="1:5">
      <c r="A54" s="10"/>
      <c r="B54" s="27"/>
      <c r="C54" s="17" t="s">
        <v>74</v>
      </c>
      <c r="D54" s="18"/>
      <c r="E54" s="39"/>
    </row>
    <row r="55" spans="1:5" ht="28.5">
      <c r="A55" s="10"/>
      <c r="B55" s="27"/>
      <c r="C55" s="20" t="s">
        <v>0</v>
      </c>
      <c r="D55" s="21" t="s">
        <v>111</v>
      </c>
      <c r="E55" s="22" t="s">
        <v>200</v>
      </c>
    </row>
    <row r="56" spans="1:5">
      <c r="A56" s="10"/>
      <c r="B56" s="27"/>
      <c r="C56" s="23"/>
      <c r="D56" s="21" t="s">
        <v>1</v>
      </c>
      <c r="E56" s="22" t="s">
        <v>120</v>
      </c>
    </row>
    <row r="57" spans="1:5" ht="57">
      <c r="A57" s="10"/>
      <c r="B57" s="27"/>
      <c r="C57" s="23"/>
      <c r="D57" s="21" t="s">
        <v>2</v>
      </c>
      <c r="E57" s="22" t="s">
        <v>381</v>
      </c>
    </row>
    <row r="58" spans="1:5" ht="28.5">
      <c r="A58" s="11"/>
      <c r="B58" s="27"/>
      <c r="C58" s="24"/>
      <c r="D58" s="25" t="s">
        <v>175</v>
      </c>
      <c r="E58" s="26" t="s">
        <v>194</v>
      </c>
    </row>
    <row r="59" spans="1:5" ht="135.75" customHeight="1">
      <c r="A59" s="11"/>
      <c r="B59" s="27"/>
      <c r="C59" s="24"/>
      <c r="D59" s="25" t="s">
        <v>112</v>
      </c>
      <c r="E59" s="26" t="s">
        <v>201</v>
      </c>
    </row>
    <row r="60" spans="1:5" ht="71.25">
      <c r="A60" s="11"/>
      <c r="B60" s="27"/>
      <c r="C60" s="24"/>
      <c r="D60" s="25" t="s">
        <v>245</v>
      </c>
      <c r="E60" s="40" t="s">
        <v>227</v>
      </c>
    </row>
    <row r="61" spans="1:5" ht="42.75">
      <c r="A61" s="11"/>
      <c r="B61" s="28"/>
      <c r="C61" s="29"/>
      <c r="D61" s="30" t="s">
        <v>246</v>
      </c>
      <c r="E61" s="31" t="s">
        <v>196</v>
      </c>
    </row>
    <row r="62" spans="1:5" ht="38.25" customHeight="1">
      <c r="A62" s="10"/>
      <c r="B62" s="12" t="s">
        <v>0</v>
      </c>
      <c r="C62" s="13" t="s">
        <v>76</v>
      </c>
      <c r="D62" s="352" t="s">
        <v>228</v>
      </c>
      <c r="E62" s="353"/>
    </row>
    <row r="63" spans="1:5" ht="42" customHeight="1">
      <c r="A63" s="10"/>
      <c r="B63" s="14"/>
      <c r="C63" s="15" t="s">
        <v>1</v>
      </c>
      <c r="D63" s="354" t="s">
        <v>185</v>
      </c>
      <c r="E63" s="355"/>
    </row>
    <row r="64" spans="1:5" ht="146.25" customHeight="1">
      <c r="A64" s="10"/>
      <c r="B64" s="14"/>
      <c r="C64" s="16" t="s">
        <v>2</v>
      </c>
      <c r="D64" s="356" t="s">
        <v>232</v>
      </c>
      <c r="E64" s="362"/>
    </row>
    <row r="65" spans="1:5">
      <c r="A65" s="10"/>
      <c r="B65" s="27"/>
      <c r="C65" s="34" t="s">
        <v>6</v>
      </c>
      <c r="D65" s="18"/>
      <c r="E65" s="19"/>
    </row>
    <row r="66" spans="1:5" ht="28.5">
      <c r="A66" s="10"/>
      <c r="B66" s="27"/>
      <c r="C66" s="20" t="s">
        <v>0</v>
      </c>
      <c r="D66" s="21" t="s">
        <v>114</v>
      </c>
      <c r="E66" s="22" t="s">
        <v>229</v>
      </c>
    </row>
    <row r="67" spans="1:5" ht="28.5">
      <c r="A67" s="10"/>
      <c r="B67" s="27"/>
      <c r="C67" s="23"/>
      <c r="D67" s="21" t="s">
        <v>1</v>
      </c>
      <c r="E67" s="22" t="s">
        <v>5</v>
      </c>
    </row>
    <row r="68" spans="1:5">
      <c r="A68" s="10"/>
      <c r="B68" s="27"/>
      <c r="C68" s="23"/>
      <c r="D68" s="21" t="s">
        <v>2</v>
      </c>
      <c r="E68" s="22"/>
    </row>
    <row r="69" spans="1:5">
      <c r="A69" s="10"/>
      <c r="B69" s="27"/>
      <c r="C69" s="24"/>
      <c r="D69" s="25" t="s">
        <v>7</v>
      </c>
      <c r="E69" s="26"/>
    </row>
    <row r="70" spans="1:5">
      <c r="A70" s="11"/>
      <c r="B70" s="27"/>
      <c r="C70" s="24"/>
      <c r="D70" s="25" t="s">
        <v>113</v>
      </c>
      <c r="E70" s="26" t="s">
        <v>202</v>
      </c>
    </row>
    <row r="71" spans="1:5" ht="28.5">
      <c r="A71" s="11"/>
      <c r="B71" s="27"/>
      <c r="C71" s="24"/>
      <c r="D71" s="349" t="s">
        <v>351</v>
      </c>
      <c r="E71" s="26" t="s">
        <v>352</v>
      </c>
    </row>
    <row r="72" spans="1:5" ht="42.75">
      <c r="A72" s="11"/>
      <c r="B72" s="27"/>
      <c r="C72" s="24"/>
      <c r="D72" s="25" t="s">
        <v>382</v>
      </c>
      <c r="E72" s="26" t="s">
        <v>383</v>
      </c>
    </row>
    <row r="73" spans="1:5">
      <c r="A73" s="11"/>
      <c r="B73" s="28"/>
      <c r="C73" s="29"/>
      <c r="D73" s="30" t="s">
        <v>384</v>
      </c>
      <c r="E73" s="41" t="s">
        <v>385</v>
      </c>
    </row>
    <row r="74" spans="1:5" ht="36" customHeight="1">
      <c r="A74" s="11"/>
      <c r="B74" s="12" t="s">
        <v>0</v>
      </c>
      <c r="C74" s="13" t="s">
        <v>77</v>
      </c>
      <c r="D74" s="352" t="s">
        <v>203</v>
      </c>
      <c r="E74" s="353"/>
    </row>
    <row r="75" spans="1:5" ht="30.75" customHeight="1">
      <c r="A75" s="11"/>
      <c r="B75" s="14"/>
      <c r="C75" s="15" t="s">
        <v>1</v>
      </c>
      <c r="D75" s="354" t="s">
        <v>186</v>
      </c>
      <c r="E75" s="355"/>
    </row>
    <row r="76" spans="1:5" ht="85.5" customHeight="1">
      <c r="A76" s="11"/>
      <c r="B76" s="14"/>
      <c r="C76" s="16" t="s">
        <v>2</v>
      </c>
      <c r="D76" s="356" t="s">
        <v>234</v>
      </c>
      <c r="E76" s="362"/>
    </row>
    <row r="77" spans="1:5">
      <c r="A77" s="11"/>
      <c r="B77" s="350"/>
      <c r="C77" s="17" t="s">
        <v>75</v>
      </c>
      <c r="D77" s="18"/>
      <c r="E77" s="19"/>
    </row>
    <row r="78" spans="1:5">
      <c r="A78" s="11"/>
      <c r="B78" s="350"/>
      <c r="C78" s="20" t="s">
        <v>0</v>
      </c>
      <c r="D78" s="21" t="s">
        <v>77</v>
      </c>
      <c r="E78" s="22" t="s">
        <v>204</v>
      </c>
    </row>
    <row r="79" spans="1:5">
      <c r="A79" s="10"/>
      <c r="B79" s="350"/>
      <c r="C79" s="23"/>
      <c r="D79" s="21" t="s">
        <v>1</v>
      </c>
      <c r="E79" s="22" t="s">
        <v>120</v>
      </c>
    </row>
    <row r="80" spans="1:5">
      <c r="A80" s="10"/>
      <c r="B80" s="350"/>
      <c r="C80" s="23"/>
      <c r="D80" s="21" t="s">
        <v>2</v>
      </c>
      <c r="E80" s="22"/>
    </row>
    <row r="81" spans="1:5" ht="28.5">
      <c r="A81" s="10"/>
      <c r="B81" s="351"/>
      <c r="C81" s="29"/>
      <c r="D81" s="36" t="s">
        <v>116</v>
      </c>
      <c r="E81" s="31" t="s">
        <v>205</v>
      </c>
    </row>
  </sheetData>
  <mergeCells count="15">
    <mergeCell ref="B77:B81"/>
    <mergeCell ref="B6:B15"/>
    <mergeCell ref="D3:E3"/>
    <mergeCell ref="D4:E4"/>
    <mergeCell ref="D5:E5"/>
    <mergeCell ref="D23:E23"/>
    <mergeCell ref="D24:E24"/>
    <mergeCell ref="D25:E25"/>
    <mergeCell ref="D26:E26"/>
    <mergeCell ref="D62:E62"/>
    <mergeCell ref="D63:E63"/>
    <mergeCell ref="D64:E64"/>
    <mergeCell ref="D74:E74"/>
    <mergeCell ref="D75:E75"/>
    <mergeCell ref="D76:E76"/>
  </mergeCells>
  <phoneticPr fontId="1"/>
  <pageMargins left="0.7" right="0.7" top="0.75" bottom="0.75" header="0.3" footer="0.3"/>
  <pageSetup paperSize="9" scale="76" orientation="portrait" r:id="rId1"/>
  <rowBreaks count="3" manualBreakCount="3">
    <brk id="22" max="16383" man="1"/>
    <brk id="39" max="16383" man="1"/>
    <brk id="61"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更新履歴</vt:lpstr>
      <vt:lpstr>出力様式</vt:lpstr>
      <vt:lpstr>要求仕様</vt:lpstr>
      <vt:lpstr>出力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澤</dc:creator>
  <cp:lastModifiedBy>田澤</cp:lastModifiedBy>
  <cp:lastPrinted>2024-11-19T05:35:35Z</cp:lastPrinted>
  <dcterms:created xsi:type="dcterms:W3CDTF">2024-09-12T05:12:24Z</dcterms:created>
  <dcterms:modified xsi:type="dcterms:W3CDTF">2024-11-25T04:13:36Z</dcterms:modified>
</cp:coreProperties>
</file>